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comments/comment1.xml" ContentType="application/vnd.openxmlformats-officedocument.presentationml.comments+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notesSlides/notesSlide2.xml" ContentType="application/vnd.openxmlformats-officedocument.presentationml.notesSlide+xml"/>
  <Override PartName="/ppt/tags/tag8.xml" ContentType="application/vnd.openxmlformats-officedocument.presentationml.tags+xml"/>
  <Override PartName="/ppt/tags/tag9.xml" ContentType="application/vnd.openxmlformats-officedocument.presentationml.tags+xml"/>
  <Override PartName="/ppt/notesSlides/notesSlide3.xml" ContentType="application/vnd.openxmlformats-officedocument.presentationml.notesSlide+xml"/>
  <Override PartName="/ppt/tags/tag10.xml" ContentType="application/vnd.openxmlformats-officedocument.presentationml.tags+xml"/>
  <Override PartName="/ppt/notesSlides/notesSlide4.xml" ContentType="application/vnd.openxmlformats-officedocument.presentationml.notesSlide+xml"/>
  <Override PartName="/ppt/tags/tag11.xml" ContentType="application/vnd.openxmlformats-officedocument.presentationml.tags+xml"/>
  <Override PartName="/ppt/notesSlides/notesSlide5.xml" ContentType="application/vnd.openxmlformats-officedocument.presentationml.notesSlide+xml"/>
  <Override PartName="/ppt/tags/tag12.xml" ContentType="application/vnd.openxmlformats-officedocument.presentationml.tags+xml"/>
  <Override PartName="/ppt/notesSlides/notesSlide6.xml" ContentType="application/vnd.openxmlformats-officedocument.presentationml.notesSlide+xml"/>
  <Override PartName="/ppt/tags/tag13.xml" ContentType="application/vnd.openxmlformats-officedocument.presentationml.tags+xml"/>
  <Override PartName="/ppt/notesSlides/notesSlide7.xml" ContentType="application/vnd.openxmlformats-officedocument.presentationml.notesSlide+xml"/>
  <Override PartName="/ppt/tags/tag14.xml" ContentType="application/vnd.openxmlformats-officedocument.presentationml.tags+xml"/>
  <Override PartName="/ppt/notesSlides/notesSlide8.xml" ContentType="application/vnd.openxmlformats-officedocument.presentationml.notesSlide+xml"/>
  <Override PartName="/ppt/tags/tag15.xml" ContentType="application/vnd.openxmlformats-officedocument.presentationml.tags+xml"/>
  <Override PartName="/ppt/tags/tag16.xml" ContentType="application/vnd.openxmlformats-officedocument.presentationml.tags+xml"/>
  <Override PartName="/ppt/notesSlides/notesSlide9.xml" ContentType="application/vnd.openxmlformats-officedocument.presentationml.notesSlide+xml"/>
  <Override PartName="/ppt/tags/tag17.xml" ContentType="application/vnd.openxmlformats-officedocument.presentationml.tags+xml"/>
  <Override PartName="/ppt/tags/tag18.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72" r:id="rId4"/>
  </p:sldMasterIdLst>
  <p:notesMasterIdLst>
    <p:notesMasterId r:id="rId25"/>
  </p:notesMasterIdLst>
  <p:sldIdLst>
    <p:sldId id="294" r:id="rId5"/>
    <p:sldId id="257" r:id="rId6"/>
    <p:sldId id="258" r:id="rId7"/>
    <p:sldId id="259" r:id="rId8"/>
    <p:sldId id="289" r:id="rId9"/>
    <p:sldId id="260" r:id="rId10"/>
    <p:sldId id="290" r:id="rId11"/>
    <p:sldId id="307" r:id="rId12"/>
    <p:sldId id="291" r:id="rId13"/>
    <p:sldId id="295" r:id="rId14"/>
    <p:sldId id="301" r:id="rId15"/>
    <p:sldId id="304" r:id="rId16"/>
    <p:sldId id="303" r:id="rId17"/>
    <p:sldId id="306" r:id="rId18"/>
    <p:sldId id="305" r:id="rId19"/>
    <p:sldId id="298" r:id="rId20"/>
    <p:sldId id="302" r:id="rId21"/>
    <p:sldId id="297" r:id="rId22"/>
    <p:sldId id="308" r:id="rId23"/>
    <p:sldId id="299" r:id="rId24"/>
  </p:sldIdLst>
  <p:sldSz cx="12192000" cy="6858000"/>
  <p:notesSz cx="6858000" cy="9144000"/>
  <p:defaultTextStyle>
    <a:defPPr>
      <a:defRPr lang="en-GB"/>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Shubham Sanjay Ingole" initials="SSI" lastIdx="1" clrIdx="0">
    <p:extLst>
      <p:ext uri="{19B8F6BF-5375-455C-9EA6-DF929625EA0E}">
        <p15:presenceInfo xmlns:p15="http://schemas.microsoft.com/office/powerpoint/2012/main" userId="Shubham Sanjay Ingole"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6C4A2E"/>
    <a:srgbClr val="FCC89A"/>
    <a:srgbClr val="77D3FF"/>
    <a:srgbClr val="FCA699"/>
    <a:srgbClr val="D9D9D9"/>
    <a:srgbClr val="368CB6"/>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6CD17BBB-A391-4F6C-BBF8-CF5944F791BD}" v="4" dt="2020-12-07T09:09:38.646"/>
    <p1510:client id="{CBB79BDE-0CF5-490D-B6F1-0C04F92C7EAF}" v="7" dt="2020-12-07T23:47:54.113"/>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cSldViewPr>
  </p:slide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commentAuthors" Target="commentAuthors.xml"/><Relationship Id="rId3" Type="http://schemas.openxmlformats.org/officeDocument/2006/relationships/customXml" Target="../customXml/item3.xml"/><Relationship Id="rId21" Type="http://schemas.openxmlformats.org/officeDocument/2006/relationships/slide" Target="slides/slide17.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notesMaster" Target="notesMasters/notesMaster1.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microsoft.com/office/2015/10/relationships/revisionInfo" Target="revisionInfo.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viewProps" Target="viewProps.xml"/><Relationship Id="rId10" Type="http://schemas.openxmlformats.org/officeDocument/2006/relationships/slide" Target="slides/slide6.xml"/><Relationship Id="rId19" Type="http://schemas.openxmlformats.org/officeDocument/2006/relationships/slide" Target="slides/slide15.xml"/><Relationship Id="rId31" Type="http://schemas.microsoft.com/office/2016/11/relationships/changesInfo" Target="changesInfos/changesInfo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presProps" Target="presProps.xml"/><Relationship Id="rId30" Type="http://schemas.openxmlformats.org/officeDocument/2006/relationships/tableStyles" Target="tableStyle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Shubham Sanjay Ingole" userId="S::s200092@win.dtu.dk::ec40096c-0047-4d8d-8a90-1675687b99a4" providerId="AD" clId="Web-{826C0563-831D-4978-8D76-05C1A990543C}"/>
    <pc:docChg chg="modSld sldOrd">
      <pc:chgData name="Shubham Sanjay Ingole" userId="S::s200092@win.dtu.dk::ec40096c-0047-4d8d-8a90-1675687b99a4" providerId="AD" clId="Web-{826C0563-831D-4978-8D76-05C1A990543C}" dt="2020-11-27T09:08:38.644" v="27" actId="20577"/>
      <pc:docMkLst>
        <pc:docMk/>
      </pc:docMkLst>
      <pc:sldChg chg="addSp modSp">
        <pc:chgData name="Shubham Sanjay Ingole" userId="S::s200092@win.dtu.dk::ec40096c-0047-4d8d-8a90-1675687b99a4" providerId="AD" clId="Web-{826C0563-831D-4978-8D76-05C1A990543C}" dt="2020-11-27T09:07:15.924" v="20"/>
        <pc:sldMkLst>
          <pc:docMk/>
          <pc:sldMk cId="2819507123" sldId="297"/>
        </pc:sldMkLst>
        <pc:spChg chg="add mod">
          <ac:chgData name="Shubham Sanjay Ingole" userId="S::s200092@win.dtu.dk::ec40096c-0047-4d8d-8a90-1675687b99a4" providerId="AD" clId="Web-{826C0563-831D-4978-8D76-05C1A990543C}" dt="2020-11-27T09:07:15.924" v="20"/>
          <ac:spMkLst>
            <pc:docMk/>
            <pc:sldMk cId="2819507123" sldId="297"/>
            <ac:spMk id="3" creationId="{B5204A93-D9C2-4769-9F4F-87547C09FD95}"/>
          </ac:spMkLst>
        </pc:spChg>
        <pc:picChg chg="mod">
          <ac:chgData name="Shubham Sanjay Ingole" userId="S::s200092@win.dtu.dk::ec40096c-0047-4d8d-8a90-1675687b99a4" providerId="AD" clId="Web-{826C0563-831D-4978-8D76-05C1A990543C}" dt="2020-11-27T09:06:22.969" v="13" actId="1076"/>
          <ac:picMkLst>
            <pc:docMk/>
            <pc:sldMk cId="2819507123" sldId="297"/>
            <ac:picMk id="10" creationId="{7C43B884-E736-446A-9DD4-F3CA8A7C0F47}"/>
          </ac:picMkLst>
        </pc:picChg>
      </pc:sldChg>
      <pc:sldChg chg="modSp">
        <pc:chgData name="Shubham Sanjay Ingole" userId="S::s200092@win.dtu.dk::ec40096c-0047-4d8d-8a90-1675687b99a4" providerId="AD" clId="Web-{826C0563-831D-4978-8D76-05C1A990543C}" dt="2020-11-27T09:07:42.221" v="22" actId="1076"/>
        <pc:sldMkLst>
          <pc:docMk/>
          <pc:sldMk cId="1977652892" sldId="299"/>
        </pc:sldMkLst>
        <pc:cxnChg chg="mod">
          <ac:chgData name="Shubham Sanjay Ingole" userId="S::s200092@win.dtu.dk::ec40096c-0047-4d8d-8a90-1675687b99a4" providerId="AD" clId="Web-{826C0563-831D-4978-8D76-05C1A990543C}" dt="2020-11-27T09:07:42.221" v="22" actId="1076"/>
          <ac:cxnSpMkLst>
            <pc:docMk/>
            <pc:sldMk cId="1977652892" sldId="299"/>
            <ac:cxnSpMk id="7" creationId="{EA6A5C82-D651-4ABF-B742-E126B06C1F1C}"/>
          </ac:cxnSpMkLst>
        </pc:cxnChg>
      </pc:sldChg>
      <pc:sldChg chg="modSp">
        <pc:chgData name="Shubham Sanjay Ingole" userId="S::s200092@win.dtu.dk::ec40096c-0047-4d8d-8a90-1675687b99a4" providerId="AD" clId="Web-{826C0563-831D-4978-8D76-05C1A990543C}" dt="2020-11-27T09:02:44.730" v="11" actId="20577"/>
        <pc:sldMkLst>
          <pc:docMk/>
          <pc:sldMk cId="3229891772" sldId="302"/>
        </pc:sldMkLst>
        <pc:spChg chg="mod">
          <ac:chgData name="Shubham Sanjay Ingole" userId="S::s200092@win.dtu.dk::ec40096c-0047-4d8d-8a90-1675687b99a4" providerId="AD" clId="Web-{826C0563-831D-4978-8D76-05C1A990543C}" dt="2020-11-27T09:01:57.713" v="4" actId="20577"/>
          <ac:spMkLst>
            <pc:docMk/>
            <pc:sldMk cId="3229891772" sldId="302"/>
            <ac:spMk id="3" creationId="{85FF25C4-CD77-4EF5-9C33-05DF77B36B40}"/>
          </ac:spMkLst>
        </pc:spChg>
        <pc:spChg chg="mod">
          <ac:chgData name="Shubham Sanjay Ingole" userId="S::s200092@win.dtu.dk::ec40096c-0047-4d8d-8a90-1675687b99a4" providerId="AD" clId="Web-{826C0563-831D-4978-8D76-05C1A990543C}" dt="2020-11-27T09:02:25.542" v="8" actId="20577"/>
          <ac:spMkLst>
            <pc:docMk/>
            <pc:sldMk cId="3229891772" sldId="302"/>
            <ac:spMk id="21" creationId="{0053DE70-9568-469E-94A7-A7587E880326}"/>
          </ac:spMkLst>
        </pc:spChg>
        <pc:spChg chg="mod">
          <ac:chgData name="Shubham Sanjay Ingole" userId="S::s200092@win.dtu.dk::ec40096c-0047-4d8d-8a90-1675687b99a4" providerId="AD" clId="Web-{826C0563-831D-4978-8D76-05C1A990543C}" dt="2020-11-27T09:02:44.730" v="11" actId="20577"/>
          <ac:spMkLst>
            <pc:docMk/>
            <pc:sldMk cId="3229891772" sldId="302"/>
            <ac:spMk id="22" creationId="{A9F6EF23-8B2D-4ABF-A396-9963887B87E9}"/>
          </ac:spMkLst>
        </pc:spChg>
      </pc:sldChg>
      <pc:sldChg chg="modSp ord">
        <pc:chgData name="Shubham Sanjay Ingole" userId="S::s200092@win.dtu.dk::ec40096c-0047-4d8d-8a90-1675687b99a4" providerId="AD" clId="Web-{826C0563-831D-4978-8D76-05C1A990543C}" dt="2020-11-27T09:08:37.363" v="26" actId="20577"/>
        <pc:sldMkLst>
          <pc:docMk/>
          <pc:sldMk cId="4245634019" sldId="306"/>
        </pc:sldMkLst>
        <pc:spChg chg="mod">
          <ac:chgData name="Shubham Sanjay Ingole" userId="S::s200092@win.dtu.dk::ec40096c-0047-4d8d-8a90-1675687b99a4" providerId="AD" clId="Web-{826C0563-831D-4978-8D76-05C1A990543C}" dt="2020-11-27T09:08:37.363" v="26" actId="20577"/>
          <ac:spMkLst>
            <pc:docMk/>
            <pc:sldMk cId="4245634019" sldId="306"/>
            <ac:spMk id="30" creationId="{F44EB8E2-078B-4CB7-A760-1D1BEB9F5849}"/>
          </ac:spMkLst>
        </pc:spChg>
      </pc:sldChg>
    </pc:docChg>
  </pc:docChgLst>
  <pc:docChgLst>
    <pc:chgData name="Ameena Butt" userId="S::s153791@win.dtu.dk::3740027a-9852-48ba-8a90-1d771889ae13" providerId="AD" clId="Web-{7454DC76-30C6-4174-83D7-473D9377DE38}"/>
    <pc:docChg chg="modSld sldOrd">
      <pc:chgData name="Ameena Butt" userId="S::s153791@win.dtu.dk::3740027a-9852-48ba-8a90-1d771889ae13" providerId="AD" clId="Web-{7454DC76-30C6-4174-83D7-473D9377DE38}" dt="2020-11-27T11:55:05.497" v="333" actId="20577"/>
      <pc:docMkLst>
        <pc:docMk/>
      </pc:docMkLst>
      <pc:sldChg chg="modSp">
        <pc:chgData name="Ameena Butt" userId="S::s153791@win.dtu.dk::3740027a-9852-48ba-8a90-1d771889ae13" providerId="AD" clId="Web-{7454DC76-30C6-4174-83D7-473D9377DE38}" dt="2020-11-27T11:44:09.120" v="236" actId="20577"/>
        <pc:sldMkLst>
          <pc:docMk/>
          <pc:sldMk cId="2874802152" sldId="259"/>
        </pc:sldMkLst>
        <pc:spChg chg="mod">
          <ac:chgData name="Ameena Butt" userId="S::s153791@win.dtu.dk::3740027a-9852-48ba-8a90-1d771889ae13" providerId="AD" clId="Web-{7454DC76-30C6-4174-83D7-473D9377DE38}" dt="2020-11-27T11:44:09.120" v="236" actId="20577"/>
          <ac:spMkLst>
            <pc:docMk/>
            <pc:sldMk cId="2874802152" sldId="259"/>
            <ac:spMk id="8" creationId="{9C8BE0D7-6EC8-4AB4-BC8E-0FDE860487F9}"/>
          </ac:spMkLst>
        </pc:spChg>
      </pc:sldChg>
      <pc:sldChg chg="modSp ord">
        <pc:chgData name="Ameena Butt" userId="S::s153791@win.dtu.dk::3740027a-9852-48ba-8a90-1d771889ae13" providerId="AD" clId="Web-{7454DC76-30C6-4174-83D7-473D9377DE38}" dt="2020-11-27T11:48:41.705" v="257" actId="14100"/>
        <pc:sldMkLst>
          <pc:docMk/>
          <pc:sldMk cId="1072051889" sldId="289"/>
        </pc:sldMkLst>
        <pc:spChg chg="mod">
          <ac:chgData name="Ameena Butt" userId="S::s153791@win.dtu.dk::3740027a-9852-48ba-8a90-1d771889ae13" providerId="AD" clId="Web-{7454DC76-30C6-4174-83D7-473D9377DE38}" dt="2020-11-27T11:12:30.693" v="221" actId="20577"/>
          <ac:spMkLst>
            <pc:docMk/>
            <pc:sldMk cId="1072051889" sldId="289"/>
            <ac:spMk id="3" creationId="{86F37277-9C42-4BD1-927E-7F1962FB1120}"/>
          </ac:spMkLst>
        </pc:spChg>
        <pc:spChg chg="mod">
          <ac:chgData name="Ameena Butt" userId="S::s153791@win.dtu.dk::3740027a-9852-48ba-8a90-1d771889ae13" providerId="AD" clId="Web-{7454DC76-30C6-4174-83D7-473D9377DE38}" dt="2020-11-27T11:48:36.127" v="256" actId="14100"/>
          <ac:spMkLst>
            <pc:docMk/>
            <pc:sldMk cId="1072051889" sldId="289"/>
            <ac:spMk id="6" creationId="{2D81EBA2-E79D-4E73-80D8-CA877DCF40C7}"/>
          </ac:spMkLst>
        </pc:spChg>
        <pc:spChg chg="mod">
          <ac:chgData name="Ameena Butt" userId="S::s153791@win.dtu.dk::3740027a-9852-48ba-8a90-1d771889ae13" providerId="AD" clId="Web-{7454DC76-30C6-4174-83D7-473D9377DE38}" dt="2020-11-27T11:48:41.705" v="257" actId="14100"/>
          <ac:spMkLst>
            <pc:docMk/>
            <pc:sldMk cId="1072051889" sldId="289"/>
            <ac:spMk id="10" creationId="{1D1B7DD8-0FE2-4B80-A48E-17DEAAC4953E}"/>
          </ac:spMkLst>
        </pc:spChg>
      </pc:sldChg>
      <pc:sldChg chg="ord">
        <pc:chgData name="Ameena Butt" userId="S::s153791@win.dtu.dk::3740027a-9852-48ba-8a90-1d771889ae13" providerId="AD" clId="Web-{7454DC76-30C6-4174-83D7-473D9377DE38}" dt="2020-11-27T11:46:42.749" v="238"/>
        <pc:sldMkLst>
          <pc:docMk/>
          <pc:sldMk cId="3275797173" sldId="290"/>
        </pc:sldMkLst>
      </pc:sldChg>
      <pc:sldChg chg="delSp modSp">
        <pc:chgData name="Ameena Butt" userId="S::s153791@win.dtu.dk::3740027a-9852-48ba-8a90-1d771889ae13" providerId="AD" clId="Web-{7454DC76-30C6-4174-83D7-473D9377DE38}" dt="2020-11-27T11:54:17.933" v="262" actId="20577"/>
        <pc:sldMkLst>
          <pc:docMk/>
          <pc:sldMk cId="4144805983" sldId="301"/>
        </pc:sldMkLst>
        <pc:spChg chg="mod">
          <ac:chgData name="Ameena Butt" userId="S::s153791@win.dtu.dk::3740027a-9852-48ba-8a90-1d771889ae13" providerId="AD" clId="Web-{7454DC76-30C6-4174-83D7-473D9377DE38}" dt="2020-11-27T11:54:17.933" v="262" actId="20577"/>
          <ac:spMkLst>
            <pc:docMk/>
            <pc:sldMk cId="4144805983" sldId="301"/>
            <ac:spMk id="50" creationId="{D6CA5D1D-81DB-E146-852B-AAAABF96D2D9}"/>
          </ac:spMkLst>
        </pc:spChg>
        <pc:spChg chg="mod">
          <ac:chgData name="Ameena Butt" userId="S::s153791@win.dtu.dk::3740027a-9852-48ba-8a90-1d771889ae13" providerId="AD" clId="Web-{7454DC76-30C6-4174-83D7-473D9377DE38}" dt="2020-11-27T10:29:54.436" v="28" actId="20577"/>
          <ac:spMkLst>
            <pc:docMk/>
            <pc:sldMk cId="4144805983" sldId="301"/>
            <ac:spMk id="74" creationId="{94E0A9F2-A2B9-6945-A764-45C80F1E72A6}"/>
          </ac:spMkLst>
        </pc:spChg>
        <pc:spChg chg="mod">
          <ac:chgData name="Ameena Butt" userId="S::s153791@win.dtu.dk::3740027a-9852-48ba-8a90-1d771889ae13" providerId="AD" clId="Web-{7454DC76-30C6-4174-83D7-473D9377DE38}" dt="2020-11-27T10:44:55.945" v="199" actId="14100"/>
          <ac:spMkLst>
            <pc:docMk/>
            <pc:sldMk cId="4144805983" sldId="301"/>
            <ac:spMk id="83" creationId="{023B9FEA-6311-9440-88D8-1F73D231FA34}"/>
          </ac:spMkLst>
        </pc:spChg>
        <pc:spChg chg="del mod">
          <ac:chgData name="Ameena Butt" userId="S::s153791@win.dtu.dk::3740027a-9852-48ba-8a90-1d771889ae13" providerId="AD" clId="Web-{7454DC76-30C6-4174-83D7-473D9377DE38}" dt="2020-11-27T10:41:55.565" v="39"/>
          <ac:spMkLst>
            <pc:docMk/>
            <pc:sldMk cId="4144805983" sldId="301"/>
            <ac:spMk id="87" creationId="{64B7A019-4B04-2347-8DCB-A8619F3393C7}"/>
          </ac:spMkLst>
        </pc:spChg>
        <pc:spChg chg="del mod">
          <ac:chgData name="Ameena Butt" userId="S::s153791@win.dtu.dk::3740027a-9852-48ba-8a90-1d771889ae13" providerId="AD" clId="Web-{7454DC76-30C6-4174-83D7-473D9377DE38}" dt="2020-11-27T10:41:53.393" v="37"/>
          <ac:spMkLst>
            <pc:docMk/>
            <pc:sldMk cId="4144805983" sldId="301"/>
            <ac:spMk id="90" creationId="{D803970E-9635-264B-8418-4796B52DCE9F}"/>
          </ac:spMkLst>
        </pc:spChg>
        <pc:spChg chg="mod">
          <ac:chgData name="Ameena Butt" userId="S::s153791@win.dtu.dk::3740027a-9852-48ba-8a90-1d771889ae13" providerId="AD" clId="Web-{7454DC76-30C6-4174-83D7-473D9377DE38}" dt="2020-11-27T10:41:52.237" v="35" actId="20577"/>
          <ac:spMkLst>
            <pc:docMk/>
            <pc:sldMk cId="4144805983" sldId="301"/>
            <ac:spMk id="97" creationId="{64B2F49B-465F-124C-9D34-A5915D8F72B7}"/>
          </ac:spMkLst>
        </pc:spChg>
        <pc:cxnChg chg="del">
          <ac:chgData name="Ameena Butt" userId="S::s153791@win.dtu.dk::3740027a-9852-48ba-8a90-1d771889ae13" providerId="AD" clId="Web-{7454DC76-30C6-4174-83D7-473D9377DE38}" dt="2020-11-27T10:41:54.268" v="38"/>
          <ac:cxnSpMkLst>
            <pc:docMk/>
            <pc:sldMk cId="4144805983" sldId="301"/>
            <ac:cxnSpMk id="88" creationId="{E01C0BAA-A069-F040-B78B-F69B7DAE3220}"/>
          </ac:cxnSpMkLst>
        </pc:cxnChg>
      </pc:sldChg>
      <pc:sldChg chg="modSp">
        <pc:chgData name="Ameena Butt" userId="S::s153791@win.dtu.dk::3740027a-9852-48ba-8a90-1d771889ae13" providerId="AD" clId="Web-{7454DC76-30C6-4174-83D7-473D9377DE38}" dt="2020-11-27T10:29:46.326" v="16" actId="20577"/>
        <pc:sldMkLst>
          <pc:docMk/>
          <pc:sldMk cId="2061120155" sldId="303"/>
        </pc:sldMkLst>
        <pc:spChg chg="mod">
          <ac:chgData name="Ameena Butt" userId="S::s153791@win.dtu.dk::3740027a-9852-48ba-8a90-1d771889ae13" providerId="AD" clId="Web-{7454DC76-30C6-4174-83D7-473D9377DE38}" dt="2020-11-27T10:29:46.326" v="16" actId="20577"/>
          <ac:spMkLst>
            <pc:docMk/>
            <pc:sldMk cId="2061120155" sldId="303"/>
            <ac:spMk id="23" creationId="{F6DF5E6A-30D2-41AF-AC18-8609D494A48C}"/>
          </ac:spMkLst>
        </pc:spChg>
      </pc:sldChg>
      <pc:sldChg chg="delSp modSp">
        <pc:chgData name="Ameena Butt" userId="S::s153791@win.dtu.dk::3740027a-9852-48ba-8a90-1d771889ae13" providerId="AD" clId="Web-{7454DC76-30C6-4174-83D7-473D9377DE38}" dt="2020-11-27T10:45:35.368" v="206" actId="20577"/>
        <pc:sldMkLst>
          <pc:docMk/>
          <pc:sldMk cId="3041848815" sldId="304"/>
        </pc:sldMkLst>
        <pc:spChg chg="mod">
          <ac:chgData name="Ameena Butt" userId="S::s153791@win.dtu.dk::3740027a-9852-48ba-8a90-1d771889ae13" providerId="AD" clId="Web-{7454DC76-30C6-4174-83D7-473D9377DE38}" dt="2020-11-27T10:45:35.368" v="206" actId="20577"/>
          <ac:spMkLst>
            <pc:docMk/>
            <pc:sldMk cId="3041848815" sldId="304"/>
            <ac:spMk id="6" creationId="{AE276298-70A4-4211-B429-9447121CE07D}"/>
          </ac:spMkLst>
        </pc:spChg>
        <pc:spChg chg="del">
          <ac:chgData name="Ameena Butt" userId="S::s153791@win.dtu.dk::3740027a-9852-48ba-8a90-1d771889ae13" providerId="AD" clId="Web-{7454DC76-30C6-4174-83D7-473D9377DE38}" dt="2020-11-27T10:42:15.597" v="48"/>
          <ac:spMkLst>
            <pc:docMk/>
            <pc:sldMk cId="3041848815" sldId="304"/>
            <ac:spMk id="28" creationId="{3BC1EB64-5A69-4596-8962-EE1D619DE0E5}"/>
          </ac:spMkLst>
        </pc:spChg>
        <pc:spChg chg="del mod">
          <ac:chgData name="Ameena Butt" userId="S::s153791@win.dtu.dk::3740027a-9852-48ba-8a90-1d771889ae13" providerId="AD" clId="Web-{7454DC76-30C6-4174-83D7-473D9377DE38}" dt="2020-11-27T10:42:19.628" v="53"/>
          <ac:spMkLst>
            <pc:docMk/>
            <pc:sldMk cId="3041848815" sldId="304"/>
            <ac:spMk id="30" creationId="{D5752062-19DB-4E63-B8CA-97DF698B47AE}"/>
          </ac:spMkLst>
        </pc:spChg>
        <pc:cxnChg chg="del">
          <ac:chgData name="Ameena Butt" userId="S::s153791@win.dtu.dk::3740027a-9852-48ba-8a90-1d771889ae13" providerId="AD" clId="Web-{7454DC76-30C6-4174-83D7-473D9377DE38}" dt="2020-11-27T10:42:13.597" v="47"/>
          <ac:cxnSpMkLst>
            <pc:docMk/>
            <pc:sldMk cId="3041848815" sldId="304"/>
            <ac:cxnSpMk id="29" creationId="{791822D1-850B-4CE2-9EB9-EAB88C2ACC92}"/>
          </ac:cxnSpMkLst>
        </pc:cxnChg>
      </pc:sldChg>
      <pc:sldChg chg="modSp">
        <pc:chgData name="Ameena Butt" userId="S::s153791@win.dtu.dk::3740027a-9852-48ba-8a90-1d771889ae13" providerId="AD" clId="Web-{7454DC76-30C6-4174-83D7-473D9377DE38}" dt="2020-11-27T11:20:07.518" v="229" actId="20577"/>
        <pc:sldMkLst>
          <pc:docMk/>
          <pc:sldMk cId="1073331143" sldId="305"/>
        </pc:sldMkLst>
        <pc:spChg chg="mod">
          <ac:chgData name="Ameena Butt" userId="S::s153791@win.dtu.dk::3740027a-9852-48ba-8a90-1d771889ae13" providerId="AD" clId="Web-{7454DC76-30C6-4174-83D7-473D9377DE38}" dt="2020-11-27T11:20:07.518" v="229" actId="20577"/>
          <ac:spMkLst>
            <pc:docMk/>
            <pc:sldMk cId="1073331143" sldId="305"/>
            <ac:spMk id="21" creationId="{72F104FF-7F48-4767-9FAB-20789E4C6D1D}"/>
          </ac:spMkLst>
        </pc:spChg>
        <pc:spChg chg="mod">
          <ac:chgData name="Ameena Butt" userId="S::s153791@win.dtu.dk::3740027a-9852-48ba-8a90-1d771889ae13" providerId="AD" clId="Web-{7454DC76-30C6-4174-83D7-473D9377DE38}" dt="2020-11-27T10:42:09.331" v="46" actId="14100"/>
          <ac:spMkLst>
            <pc:docMk/>
            <pc:sldMk cId="1073331143" sldId="305"/>
            <ac:spMk id="75" creationId="{BFAE08FC-ADA4-4DC6-B6F0-64B62201909B}"/>
          </ac:spMkLst>
        </pc:spChg>
      </pc:sldChg>
      <pc:sldChg chg="modSp">
        <pc:chgData name="Ameena Butt" userId="S::s153791@win.dtu.dk::3740027a-9852-48ba-8a90-1d771889ae13" providerId="AD" clId="Web-{7454DC76-30C6-4174-83D7-473D9377DE38}" dt="2020-11-27T11:55:05.497" v="332" actId="20577"/>
        <pc:sldMkLst>
          <pc:docMk/>
          <pc:sldMk cId="4245634019" sldId="306"/>
        </pc:sldMkLst>
        <pc:spChg chg="mod">
          <ac:chgData name="Ameena Butt" userId="S::s153791@win.dtu.dk::3740027a-9852-48ba-8a90-1d771889ae13" providerId="AD" clId="Web-{7454DC76-30C6-4174-83D7-473D9377DE38}" dt="2020-11-27T11:55:05.497" v="332" actId="20577"/>
          <ac:spMkLst>
            <pc:docMk/>
            <pc:sldMk cId="4245634019" sldId="306"/>
            <ac:spMk id="30" creationId="{F44EB8E2-078B-4CB7-A760-1D1BEB9F5849}"/>
          </ac:spMkLst>
        </pc:spChg>
      </pc:sldChg>
      <pc:sldChg chg="modSp">
        <pc:chgData name="Ameena Butt" userId="S::s153791@win.dtu.dk::3740027a-9852-48ba-8a90-1d771889ae13" providerId="AD" clId="Web-{7454DC76-30C6-4174-83D7-473D9377DE38}" dt="2020-11-27T11:26:34.185" v="235" actId="20577"/>
        <pc:sldMkLst>
          <pc:docMk/>
          <pc:sldMk cId="2424633996" sldId="308"/>
        </pc:sldMkLst>
        <pc:spChg chg="mod">
          <ac:chgData name="Ameena Butt" userId="S::s153791@win.dtu.dk::3740027a-9852-48ba-8a90-1d771889ae13" providerId="AD" clId="Web-{7454DC76-30C6-4174-83D7-473D9377DE38}" dt="2020-11-27T11:26:34.185" v="235" actId="20577"/>
          <ac:spMkLst>
            <pc:docMk/>
            <pc:sldMk cId="2424633996" sldId="308"/>
            <ac:spMk id="6" creationId="{2D81EBA2-E79D-4E73-80D8-CA877DCF40C7}"/>
          </ac:spMkLst>
        </pc:spChg>
      </pc:sldChg>
    </pc:docChg>
  </pc:docChgLst>
  <pc:docChgLst>
    <pc:chgData name="Joern Andreas Appelt" userId="S::s202854@win.dtu.dk::98b46129-6d0a-4894-933b-fbbcf2e18e6b" providerId="AD" clId="Web-{362B6753-B6FF-44E8-8A53-D30F383D6A3C}"/>
    <pc:docChg chg="">
      <pc:chgData name="Joern Andreas Appelt" userId="S::s202854@win.dtu.dk::98b46129-6d0a-4894-933b-fbbcf2e18e6b" providerId="AD" clId="Web-{362B6753-B6FF-44E8-8A53-D30F383D6A3C}" dt="2020-11-27T08:59:54.674" v="0"/>
      <pc:docMkLst>
        <pc:docMk/>
      </pc:docMkLst>
      <pc:sldChg chg="modCm">
        <pc:chgData name="Joern Andreas Appelt" userId="S::s202854@win.dtu.dk::98b46129-6d0a-4894-933b-fbbcf2e18e6b" providerId="AD" clId="Web-{362B6753-B6FF-44E8-8A53-D30F383D6A3C}" dt="2020-11-27T08:59:54.674" v="0"/>
        <pc:sldMkLst>
          <pc:docMk/>
          <pc:sldMk cId="1896348887" sldId="294"/>
        </pc:sldMkLst>
      </pc:sldChg>
    </pc:docChg>
  </pc:docChgLst>
  <pc:docChgLst>
    <pc:chgData name="Prasad Jagtap" userId="S::s200109@win.dtu.dk::11453833-8954-4db7-bf9d-87af5de79883" providerId="AD" clId="Web-{9D0A7A61-864C-4BB6-A2EF-282F09C8CA61}"/>
    <pc:docChg chg="sldOrd">
      <pc:chgData name="Prasad Jagtap" userId="S::s200109@win.dtu.dk::11453833-8954-4db7-bf9d-87af5de79883" providerId="AD" clId="Web-{9D0A7A61-864C-4BB6-A2EF-282F09C8CA61}" dt="2020-11-20T13:18:00.856" v="0"/>
      <pc:docMkLst>
        <pc:docMk/>
      </pc:docMkLst>
      <pc:sldChg chg="ord">
        <pc:chgData name="Prasad Jagtap" userId="S::s200109@win.dtu.dk::11453833-8954-4db7-bf9d-87af5de79883" providerId="AD" clId="Web-{9D0A7A61-864C-4BB6-A2EF-282F09C8CA61}" dt="2020-11-20T13:18:00.856" v="0"/>
        <pc:sldMkLst>
          <pc:docMk/>
          <pc:sldMk cId="3229891772" sldId="302"/>
        </pc:sldMkLst>
      </pc:sldChg>
    </pc:docChg>
  </pc:docChgLst>
  <pc:docChgLst>
    <pc:chgData name="Shubham Sanjay Ingole" userId="S::s200092@win.dtu.dk::ec40096c-0047-4d8d-8a90-1675687b99a4" providerId="AD" clId="Web-{E3623D95-B742-4694-BFE7-7465FFB8A7AE}"/>
    <pc:docChg chg="modSld">
      <pc:chgData name="Shubham Sanjay Ingole" userId="S::s200092@win.dtu.dk::ec40096c-0047-4d8d-8a90-1675687b99a4" providerId="AD" clId="Web-{E3623D95-B742-4694-BFE7-7465FFB8A7AE}" dt="2020-11-26T23:36:18.520" v="1"/>
      <pc:docMkLst>
        <pc:docMk/>
      </pc:docMkLst>
      <pc:sldChg chg="mod modShow">
        <pc:chgData name="Shubham Sanjay Ingole" userId="S::s200092@win.dtu.dk::ec40096c-0047-4d8d-8a90-1675687b99a4" providerId="AD" clId="Web-{E3623D95-B742-4694-BFE7-7465FFB8A7AE}" dt="2020-11-26T23:36:18.520" v="1"/>
        <pc:sldMkLst>
          <pc:docMk/>
          <pc:sldMk cId="3229891772" sldId="302"/>
        </pc:sldMkLst>
      </pc:sldChg>
    </pc:docChg>
  </pc:docChgLst>
  <pc:docChgLst>
    <pc:chgData name="Marco Enzo Squillacioti" userId="8bd09d11-ad4d-478d-945e-bb0d471a23aa" providerId="ADAL" clId="{6CD17BBB-A391-4F6C-BBF8-CF5944F791BD}"/>
    <pc:docChg chg="undo redo custSel addSld delSld modSld sldOrd addSection delSection modSection">
      <pc:chgData name="Marco Enzo Squillacioti" userId="8bd09d11-ad4d-478d-945e-bb0d471a23aa" providerId="ADAL" clId="{6CD17BBB-A391-4F6C-BBF8-CF5944F791BD}" dt="2020-12-07T09:34:44.669" v="2750" actId="313"/>
      <pc:docMkLst>
        <pc:docMk/>
      </pc:docMkLst>
      <pc:sldChg chg="addSp delSp modSp mod">
        <pc:chgData name="Marco Enzo Squillacioti" userId="8bd09d11-ad4d-478d-945e-bb0d471a23aa" providerId="ADAL" clId="{6CD17BBB-A391-4F6C-BBF8-CF5944F791BD}" dt="2020-11-27T11:13:05.363" v="2187" actId="478"/>
        <pc:sldMkLst>
          <pc:docMk/>
          <pc:sldMk cId="2281551063" sldId="257"/>
        </pc:sldMkLst>
        <pc:spChg chg="add del mod">
          <ac:chgData name="Marco Enzo Squillacioti" userId="8bd09d11-ad4d-478d-945e-bb0d471a23aa" providerId="ADAL" clId="{6CD17BBB-A391-4F6C-BBF8-CF5944F791BD}" dt="2020-11-27T11:13:05.363" v="2187" actId="478"/>
          <ac:spMkLst>
            <pc:docMk/>
            <pc:sldMk cId="2281551063" sldId="257"/>
            <ac:spMk id="5" creationId="{27F832FC-278A-4146-95BC-13317F55521D}"/>
          </ac:spMkLst>
        </pc:spChg>
        <pc:spChg chg="del mod">
          <ac:chgData name="Marco Enzo Squillacioti" userId="8bd09d11-ad4d-478d-945e-bb0d471a23aa" providerId="ADAL" clId="{6CD17BBB-A391-4F6C-BBF8-CF5944F791BD}" dt="2020-11-27T11:12:59.506" v="2185" actId="478"/>
          <ac:spMkLst>
            <pc:docMk/>
            <pc:sldMk cId="2281551063" sldId="257"/>
            <ac:spMk id="24" creationId="{87FA5D03-862D-4AEB-B1B7-09DE69C80038}"/>
          </ac:spMkLst>
        </pc:spChg>
        <pc:spChg chg="del">
          <ac:chgData name="Marco Enzo Squillacioti" userId="8bd09d11-ad4d-478d-945e-bb0d471a23aa" providerId="ADAL" clId="{6CD17BBB-A391-4F6C-BBF8-CF5944F791BD}" dt="2020-11-27T11:13:02.512" v="2186" actId="478"/>
          <ac:spMkLst>
            <pc:docMk/>
            <pc:sldMk cId="2281551063" sldId="257"/>
            <ac:spMk id="25" creationId="{8C972481-100C-4AA4-A10F-E5171A2A5C77}"/>
          </ac:spMkLst>
        </pc:spChg>
      </pc:sldChg>
      <pc:sldChg chg="ord">
        <pc:chgData name="Marco Enzo Squillacioti" userId="8bd09d11-ad4d-478d-945e-bb0d471a23aa" providerId="ADAL" clId="{6CD17BBB-A391-4F6C-BBF8-CF5944F791BD}" dt="2020-11-27T11:15:34.350" v="2189"/>
        <pc:sldMkLst>
          <pc:docMk/>
          <pc:sldMk cId="1072051889" sldId="289"/>
        </pc:sldMkLst>
      </pc:sldChg>
      <pc:sldChg chg="ord">
        <pc:chgData name="Marco Enzo Squillacioti" userId="8bd09d11-ad4d-478d-945e-bb0d471a23aa" providerId="ADAL" clId="{6CD17BBB-A391-4F6C-BBF8-CF5944F791BD}" dt="2020-11-27T11:15:38.038" v="2191"/>
        <pc:sldMkLst>
          <pc:docMk/>
          <pc:sldMk cId="3275797173" sldId="290"/>
        </pc:sldMkLst>
      </pc:sldChg>
      <pc:sldChg chg="ord">
        <pc:chgData name="Marco Enzo Squillacioti" userId="8bd09d11-ad4d-478d-945e-bb0d471a23aa" providerId="ADAL" clId="{6CD17BBB-A391-4F6C-BBF8-CF5944F791BD}" dt="2020-11-27T11:29:06.734" v="2236"/>
        <pc:sldMkLst>
          <pc:docMk/>
          <pc:sldMk cId="1639231020" sldId="291"/>
        </pc:sldMkLst>
      </pc:sldChg>
      <pc:sldChg chg="modNotesTx">
        <pc:chgData name="Marco Enzo Squillacioti" userId="8bd09d11-ad4d-478d-945e-bb0d471a23aa" providerId="ADAL" clId="{6CD17BBB-A391-4F6C-BBF8-CF5944F791BD}" dt="2020-11-27T11:57:50.961" v="2522" actId="20577"/>
        <pc:sldMkLst>
          <pc:docMk/>
          <pc:sldMk cId="735608022" sldId="295"/>
        </pc:sldMkLst>
      </pc:sldChg>
      <pc:sldChg chg="addSp delSp modSp mod">
        <pc:chgData name="Marco Enzo Squillacioti" userId="8bd09d11-ad4d-478d-945e-bb0d471a23aa" providerId="ADAL" clId="{6CD17BBB-A391-4F6C-BBF8-CF5944F791BD}" dt="2020-11-20T13:33:13.376" v="260" actId="27309"/>
        <pc:sldMkLst>
          <pc:docMk/>
          <pc:sldMk cId="3456485509" sldId="298"/>
        </pc:sldMkLst>
        <pc:graphicFrameChg chg="add del mod modGraphic">
          <ac:chgData name="Marco Enzo Squillacioti" userId="8bd09d11-ad4d-478d-945e-bb0d471a23aa" providerId="ADAL" clId="{6CD17BBB-A391-4F6C-BBF8-CF5944F791BD}" dt="2020-11-20T13:33:13.376" v="260" actId="27309"/>
          <ac:graphicFrameMkLst>
            <pc:docMk/>
            <pc:sldMk cId="3456485509" sldId="298"/>
            <ac:graphicFrameMk id="7" creationId="{DD359B58-7850-466B-9840-11C9A8AA88F9}"/>
          </ac:graphicFrameMkLst>
        </pc:graphicFrameChg>
        <pc:graphicFrameChg chg="add del mod modGraphic">
          <ac:chgData name="Marco Enzo Squillacioti" userId="8bd09d11-ad4d-478d-945e-bb0d471a23aa" providerId="ADAL" clId="{6CD17BBB-A391-4F6C-BBF8-CF5944F791BD}" dt="2020-11-20T13:33:13.376" v="260" actId="27309"/>
          <ac:graphicFrameMkLst>
            <pc:docMk/>
            <pc:sldMk cId="3456485509" sldId="298"/>
            <ac:graphicFrameMk id="9" creationId="{F1A06937-B58F-4672-9F7E-48F961C61270}"/>
          </ac:graphicFrameMkLst>
        </pc:graphicFrameChg>
      </pc:sldChg>
      <pc:sldChg chg="addSp delSp modSp del mod ord modAnim modNotesTx">
        <pc:chgData name="Marco Enzo Squillacioti" userId="8bd09d11-ad4d-478d-945e-bb0d471a23aa" providerId="ADAL" clId="{6CD17BBB-A391-4F6C-BBF8-CF5944F791BD}" dt="2020-11-26T15:01:56.944" v="1883" actId="2696"/>
        <pc:sldMkLst>
          <pc:docMk/>
          <pc:sldMk cId="4139849734" sldId="300"/>
        </pc:sldMkLst>
        <pc:spChg chg="mod">
          <ac:chgData name="Marco Enzo Squillacioti" userId="8bd09d11-ad4d-478d-945e-bb0d471a23aa" providerId="ADAL" clId="{6CD17BBB-A391-4F6C-BBF8-CF5944F791BD}" dt="2020-11-26T14:16:57.263" v="1432" actId="14100"/>
          <ac:spMkLst>
            <pc:docMk/>
            <pc:sldMk cId="4139849734" sldId="300"/>
            <ac:spMk id="3" creationId="{86F37277-9C42-4BD1-927E-7F1962FB1120}"/>
          </ac:spMkLst>
        </pc:spChg>
        <pc:spChg chg="add mod">
          <ac:chgData name="Marco Enzo Squillacioti" userId="8bd09d11-ad4d-478d-945e-bb0d471a23aa" providerId="ADAL" clId="{6CD17BBB-A391-4F6C-BBF8-CF5944F791BD}" dt="2020-11-26T14:49:58.483" v="1827" actId="1076"/>
          <ac:spMkLst>
            <pc:docMk/>
            <pc:sldMk cId="4139849734" sldId="300"/>
            <ac:spMk id="4" creationId="{0CFF5BD3-BC61-410C-975C-B328CA5EA89A}"/>
          </ac:spMkLst>
        </pc:spChg>
        <pc:spChg chg="add del mod">
          <ac:chgData name="Marco Enzo Squillacioti" userId="8bd09d11-ad4d-478d-945e-bb0d471a23aa" providerId="ADAL" clId="{6CD17BBB-A391-4F6C-BBF8-CF5944F791BD}" dt="2020-11-22T17:26:25.161" v="277" actId="478"/>
          <ac:spMkLst>
            <pc:docMk/>
            <pc:sldMk cId="4139849734" sldId="300"/>
            <ac:spMk id="4" creationId="{DE01F9FE-0714-45B2-9454-BA7B9944E26C}"/>
          </ac:spMkLst>
        </pc:spChg>
        <pc:spChg chg="add del mod">
          <ac:chgData name="Marco Enzo Squillacioti" userId="8bd09d11-ad4d-478d-945e-bb0d471a23aa" providerId="ADAL" clId="{6CD17BBB-A391-4F6C-BBF8-CF5944F791BD}" dt="2020-11-26T14:24:17.259" v="1545" actId="478"/>
          <ac:spMkLst>
            <pc:docMk/>
            <pc:sldMk cId="4139849734" sldId="300"/>
            <ac:spMk id="5" creationId="{0D2A3054-9A95-421F-B404-95B549F6DFF2}"/>
          </ac:spMkLst>
        </pc:spChg>
        <pc:spChg chg="del mod">
          <ac:chgData name="Marco Enzo Squillacioti" userId="8bd09d11-ad4d-478d-945e-bb0d471a23aa" providerId="ADAL" clId="{6CD17BBB-A391-4F6C-BBF8-CF5944F791BD}" dt="2020-11-22T17:38:17.827" v="447" actId="478"/>
          <ac:spMkLst>
            <pc:docMk/>
            <pc:sldMk cId="4139849734" sldId="300"/>
            <ac:spMk id="6" creationId="{2D81EBA2-E79D-4E73-80D8-CA877DCF40C7}"/>
          </ac:spMkLst>
        </pc:spChg>
        <pc:spChg chg="add del mod">
          <ac:chgData name="Marco Enzo Squillacioti" userId="8bd09d11-ad4d-478d-945e-bb0d471a23aa" providerId="ADAL" clId="{6CD17BBB-A391-4F6C-BBF8-CF5944F791BD}" dt="2020-11-26T14:46:23.408" v="1765" actId="11529"/>
          <ac:spMkLst>
            <pc:docMk/>
            <pc:sldMk cId="4139849734" sldId="300"/>
            <ac:spMk id="10" creationId="{F518F2BB-E00C-4E93-B9D2-7F51A136D069}"/>
          </ac:spMkLst>
        </pc:spChg>
        <pc:spChg chg="add mod">
          <ac:chgData name="Marco Enzo Squillacioti" userId="8bd09d11-ad4d-478d-945e-bb0d471a23aa" providerId="ADAL" clId="{6CD17BBB-A391-4F6C-BBF8-CF5944F791BD}" dt="2020-11-26T14:48:58.113" v="1807" actId="164"/>
          <ac:spMkLst>
            <pc:docMk/>
            <pc:sldMk cId="4139849734" sldId="300"/>
            <ac:spMk id="11" creationId="{C711F134-DA36-45B1-8BD3-EC20C2A1E638}"/>
          </ac:spMkLst>
        </pc:spChg>
        <pc:spChg chg="add mod">
          <ac:chgData name="Marco Enzo Squillacioti" userId="8bd09d11-ad4d-478d-945e-bb0d471a23aa" providerId="ADAL" clId="{6CD17BBB-A391-4F6C-BBF8-CF5944F791BD}" dt="2020-11-26T14:46:43.384" v="1793" actId="1076"/>
          <ac:spMkLst>
            <pc:docMk/>
            <pc:sldMk cId="4139849734" sldId="300"/>
            <ac:spMk id="12" creationId="{09934044-3746-40C9-BC65-E5D0F0482538}"/>
          </ac:spMkLst>
        </pc:spChg>
        <pc:spChg chg="add mod">
          <ac:chgData name="Marco Enzo Squillacioti" userId="8bd09d11-ad4d-478d-945e-bb0d471a23aa" providerId="ADAL" clId="{6CD17BBB-A391-4F6C-BBF8-CF5944F791BD}" dt="2020-11-26T14:46:43.384" v="1793" actId="1076"/>
          <ac:spMkLst>
            <pc:docMk/>
            <pc:sldMk cId="4139849734" sldId="300"/>
            <ac:spMk id="13" creationId="{5CA9CC79-9006-4733-8202-3EF01DDD73CC}"/>
          </ac:spMkLst>
        </pc:spChg>
        <pc:spChg chg="add mod">
          <ac:chgData name="Marco Enzo Squillacioti" userId="8bd09d11-ad4d-478d-945e-bb0d471a23aa" providerId="ADAL" clId="{6CD17BBB-A391-4F6C-BBF8-CF5944F791BD}" dt="2020-11-26T14:46:53.520" v="1794" actId="1076"/>
          <ac:spMkLst>
            <pc:docMk/>
            <pc:sldMk cId="4139849734" sldId="300"/>
            <ac:spMk id="14" creationId="{5E4FED2B-102C-4B19-8878-829D8E19941D}"/>
          </ac:spMkLst>
        </pc:spChg>
        <pc:spChg chg="add mod">
          <ac:chgData name="Marco Enzo Squillacioti" userId="8bd09d11-ad4d-478d-945e-bb0d471a23aa" providerId="ADAL" clId="{6CD17BBB-A391-4F6C-BBF8-CF5944F791BD}" dt="2020-11-26T14:46:53.520" v="1794" actId="1076"/>
          <ac:spMkLst>
            <pc:docMk/>
            <pc:sldMk cId="4139849734" sldId="300"/>
            <ac:spMk id="15" creationId="{E76D46BB-8D62-40BD-AFFA-0F2A6DC16E63}"/>
          </ac:spMkLst>
        </pc:spChg>
        <pc:spChg chg="add mod">
          <ac:chgData name="Marco Enzo Squillacioti" userId="8bd09d11-ad4d-478d-945e-bb0d471a23aa" providerId="ADAL" clId="{6CD17BBB-A391-4F6C-BBF8-CF5944F791BD}" dt="2020-11-26T14:46:53.520" v="1794" actId="1076"/>
          <ac:spMkLst>
            <pc:docMk/>
            <pc:sldMk cId="4139849734" sldId="300"/>
            <ac:spMk id="16" creationId="{5C1DBAAA-7F7E-4FF6-98CB-B9691FFA062C}"/>
          </ac:spMkLst>
        </pc:spChg>
        <pc:spChg chg="add mod">
          <ac:chgData name="Marco Enzo Squillacioti" userId="8bd09d11-ad4d-478d-945e-bb0d471a23aa" providerId="ADAL" clId="{6CD17BBB-A391-4F6C-BBF8-CF5944F791BD}" dt="2020-11-26T14:46:53.520" v="1794" actId="1076"/>
          <ac:spMkLst>
            <pc:docMk/>
            <pc:sldMk cId="4139849734" sldId="300"/>
            <ac:spMk id="17" creationId="{E3BE03B4-4D38-42A0-827C-FD7E3287B996}"/>
          </ac:spMkLst>
        </pc:spChg>
        <pc:spChg chg="add mod">
          <ac:chgData name="Marco Enzo Squillacioti" userId="8bd09d11-ad4d-478d-945e-bb0d471a23aa" providerId="ADAL" clId="{6CD17BBB-A391-4F6C-BBF8-CF5944F791BD}" dt="2020-11-26T14:49:24.408" v="1816" actId="1076"/>
          <ac:spMkLst>
            <pc:docMk/>
            <pc:sldMk cId="4139849734" sldId="300"/>
            <ac:spMk id="23" creationId="{AB3442BB-1443-4DDF-8C15-01173EAFCAE5}"/>
          </ac:spMkLst>
        </pc:spChg>
        <pc:spChg chg="add del mod">
          <ac:chgData name="Marco Enzo Squillacioti" userId="8bd09d11-ad4d-478d-945e-bb0d471a23aa" providerId="ADAL" clId="{6CD17BBB-A391-4F6C-BBF8-CF5944F791BD}" dt="2020-11-26T14:20:21.781" v="1490" actId="478"/>
          <ac:spMkLst>
            <pc:docMk/>
            <pc:sldMk cId="4139849734" sldId="300"/>
            <ac:spMk id="25" creationId="{2A2F2B46-DC1D-4733-B345-6B304E685EE3}"/>
          </ac:spMkLst>
        </pc:spChg>
        <pc:spChg chg="add mod">
          <ac:chgData name="Marco Enzo Squillacioti" userId="8bd09d11-ad4d-478d-945e-bb0d471a23aa" providerId="ADAL" clId="{6CD17BBB-A391-4F6C-BBF8-CF5944F791BD}" dt="2020-11-26T14:49:43.363" v="1822" actId="1076"/>
          <ac:spMkLst>
            <pc:docMk/>
            <pc:sldMk cId="4139849734" sldId="300"/>
            <ac:spMk id="26" creationId="{0920B40C-5B73-4270-A59E-B72941065998}"/>
          </ac:spMkLst>
        </pc:spChg>
        <pc:spChg chg="add mod">
          <ac:chgData name="Marco Enzo Squillacioti" userId="8bd09d11-ad4d-478d-945e-bb0d471a23aa" providerId="ADAL" clId="{6CD17BBB-A391-4F6C-BBF8-CF5944F791BD}" dt="2020-11-26T14:20:33.069" v="1495" actId="571"/>
          <ac:spMkLst>
            <pc:docMk/>
            <pc:sldMk cId="4139849734" sldId="300"/>
            <ac:spMk id="27" creationId="{512CBAB0-FFD8-496D-9D28-21C09DBC0234}"/>
          </ac:spMkLst>
        </pc:spChg>
        <pc:spChg chg="add mod">
          <ac:chgData name="Marco Enzo Squillacioti" userId="8bd09d11-ad4d-478d-945e-bb0d471a23aa" providerId="ADAL" clId="{6CD17BBB-A391-4F6C-BBF8-CF5944F791BD}" dt="2020-11-26T14:20:33.069" v="1495" actId="571"/>
          <ac:spMkLst>
            <pc:docMk/>
            <pc:sldMk cId="4139849734" sldId="300"/>
            <ac:spMk id="28" creationId="{65C23C60-7190-408D-8B44-856F0CA46A54}"/>
          </ac:spMkLst>
        </pc:spChg>
        <pc:spChg chg="add mod">
          <ac:chgData name="Marco Enzo Squillacioti" userId="8bd09d11-ad4d-478d-945e-bb0d471a23aa" providerId="ADAL" clId="{6CD17BBB-A391-4F6C-BBF8-CF5944F791BD}" dt="2020-11-26T14:49:39.004" v="1820" actId="1076"/>
          <ac:spMkLst>
            <pc:docMk/>
            <pc:sldMk cId="4139849734" sldId="300"/>
            <ac:spMk id="29" creationId="{29DD0967-B992-488A-BEC1-1B6412F5EE0D}"/>
          </ac:spMkLst>
        </pc:spChg>
        <pc:spChg chg="add mod">
          <ac:chgData name="Marco Enzo Squillacioti" userId="8bd09d11-ad4d-478d-945e-bb0d471a23aa" providerId="ADAL" clId="{6CD17BBB-A391-4F6C-BBF8-CF5944F791BD}" dt="2020-11-26T14:49:48.341" v="1824" actId="1076"/>
          <ac:spMkLst>
            <pc:docMk/>
            <pc:sldMk cId="4139849734" sldId="300"/>
            <ac:spMk id="30" creationId="{74B3C748-AB82-48F3-8A1C-42794D4FF1A1}"/>
          </ac:spMkLst>
        </pc:spChg>
        <pc:spChg chg="add mod ord topLvl">
          <ac:chgData name="Marco Enzo Squillacioti" userId="8bd09d11-ad4d-478d-945e-bb0d471a23aa" providerId="ADAL" clId="{6CD17BBB-A391-4F6C-BBF8-CF5944F791BD}" dt="2020-11-26T14:47:00.541" v="1795" actId="14100"/>
          <ac:spMkLst>
            <pc:docMk/>
            <pc:sldMk cId="4139849734" sldId="300"/>
            <ac:spMk id="31" creationId="{87208E75-1769-4C2E-AD50-45D6D82EF3FD}"/>
          </ac:spMkLst>
        </pc:spChg>
        <pc:spChg chg="add del mod">
          <ac:chgData name="Marco Enzo Squillacioti" userId="8bd09d11-ad4d-478d-945e-bb0d471a23aa" providerId="ADAL" clId="{6CD17BBB-A391-4F6C-BBF8-CF5944F791BD}" dt="2020-11-22T17:48:40.159" v="686"/>
          <ac:spMkLst>
            <pc:docMk/>
            <pc:sldMk cId="4139849734" sldId="300"/>
            <ac:spMk id="33" creationId="{B76F6F02-B57B-44D6-A650-2F9476582814}"/>
          </ac:spMkLst>
        </pc:spChg>
        <pc:spChg chg="add mod">
          <ac:chgData name="Marco Enzo Squillacioti" userId="8bd09d11-ad4d-478d-945e-bb0d471a23aa" providerId="ADAL" clId="{6CD17BBB-A391-4F6C-BBF8-CF5944F791BD}" dt="2020-11-26T14:50:00.353" v="1828" actId="1076"/>
          <ac:spMkLst>
            <pc:docMk/>
            <pc:sldMk cId="4139849734" sldId="300"/>
            <ac:spMk id="33" creationId="{EAC25CC7-83CE-4ED6-808E-651150CC7182}"/>
          </ac:spMkLst>
        </pc:spChg>
        <pc:spChg chg="add mod">
          <ac:chgData name="Marco Enzo Squillacioti" userId="8bd09d11-ad4d-478d-945e-bb0d471a23aa" providerId="ADAL" clId="{6CD17BBB-A391-4F6C-BBF8-CF5944F791BD}" dt="2020-11-26T14:50:04.603" v="1830" actId="1076"/>
          <ac:spMkLst>
            <pc:docMk/>
            <pc:sldMk cId="4139849734" sldId="300"/>
            <ac:spMk id="34" creationId="{3084B9AD-BA72-42AC-8EF4-5B7AABB4EC2B}"/>
          </ac:spMkLst>
        </pc:spChg>
        <pc:spChg chg="add mod">
          <ac:chgData name="Marco Enzo Squillacioti" userId="8bd09d11-ad4d-478d-945e-bb0d471a23aa" providerId="ADAL" clId="{6CD17BBB-A391-4F6C-BBF8-CF5944F791BD}" dt="2020-11-26T14:49:26.388" v="1817" actId="1076"/>
          <ac:spMkLst>
            <pc:docMk/>
            <pc:sldMk cId="4139849734" sldId="300"/>
            <ac:spMk id="35" creationId="{49FF8F25-9732-4391-A5C8-DF561C470D53}"/>
          </ac:spMkLst>
        </pc:spChg>
        <pc:spChg chg="add mod">
          <ac:chgData name="Marco Enzo Squillacioti" userId="8bd09d11-ad4d-478d-945e-bb0d471a23aa" providerId="ADAL" clId="{6CD17BBB-A391-4F6C-BBF8-CF5944F791BD}" dt="2020-11-26T14:50:02.254" v="1829" actId="1076"/>
          <ac:spMkLst>
            <pc:docMk/>
            <pc:sldMk cId="4139849734" sldId="300"/>
            <ac:spMk id="36" creationId="{F5BA59DC-ED35-4D03-98D5-B058AB298C95}"/>
          </ac:spMkLst>
        </pc:spChg>
        <pc:spChg chg="add mod">
          <ac:chgData name="Marco Enzo Squillacioti" userId="8bd09d11-ad4d-478d-945e-bb0d471a23aa" providerId="ADAL" clId="{6CD17BBB-A391-4F6C-BBF8-CF5944F791BD}" dt="2020-11-26T14:24:38.166" v="1548" actId="571"/>
          <ac:spMkLst>
            <pc:docMk/>
            <pc:sldMk cId="4139849734" sldId="300"/>
            <ac:spMk id="37" creationId="{15285ED6-2A35-4EE6-9E35-0967295F27CA}"/>
          </ac:spMkLst>
        </pc:spChg>
        <pc:spChg chg="add mod">
          <ac:chgData name="Marco Enzo Squillacioti" userId="8bd09d11-ad4d-478d-945e-bb0d471a23aa" providerId="ADAL" clId="{6CD17BBB-A391-4F6C-BBF8-CF5944F791BD}" dt="2020-11-26T14:24:38.166" v="1548" actId="571"/>
          <ac:spMkLst>
            <pc:docMk/>
            <pc:sldMk cId="4139849734" sldId="300"/>
            <ac:spMk id="38" creationId="{E78096A7-FBD8-4851-9BB5-BDDD6DCCC954}"/>
          </ac:spMkLst>
        </pc:spChg>
        <pc:spChg chg="add mod">
          <ac:chgData name="Marco Enzo Squillacioti" userId="8bd09d11-ad4d-478d-945e-bb0d471a23aa" providerId="ADAL" clId="{6CD17BBB-A391-4F6C-BBF8-CF5944F791BD}" dt="2020-11-26T14:49:17.819" v="1813" actId="1076"/>
          <ac:spMkLst>
            <pc:docMk/>
            <pc:sldMk cId="4139849734" sldId="300"/>
            <ac:spMk id="39" creationId="{8F2A4775-77CB-4D2D-A04D-D8FA2604387D}"/>
          </ac:spMkLst>
        </pc:spChg>
        <pc:spChg chg="add del mod ord topLvl">
          <ac:chgData name="Marco Enzo Squillacioti" userId="8bd09d11-ad4d-478d-945e-bb0d471a23aa" providerId="ADAL" clId="{6CD17BBB-A391-4F6C-BBF8-CF5944F791BD}" dt="2020-11-26T14:46:36.586" v="1774" actId="478"/>
          <ac:spMkLst>
            <pc:docMk/>
            <pc:sldMk cId="4139849734" sldId="300"/>
            <ac:spMk id="40" creationId="{77EB4D32-62C5-43D2-9140-8D2D76631E2B}"/>
          </ac:spMkLst>
        </pc:spChg>
        <pc:spChg chg="add mod ord">
          <ac:chgData name="Marco Enzo Squillacioti" userId="8bd09d11-ad4d-478d-945e-bb0d471a23aa" providerId="ADAL" clId="{6CD17BBB-A391-4F6C-BBF8-CF5944F791BD}" dt="2020-11-26T14:47:09.219" v="1798" actId="167"/>
          <ac:spMkLst>
            <pc:docMk/>
            <pc:sldMk cId="4139849734" sldId="300"/>
            <ac:spMk id="41" creationId="{CE8BF97E-E11B-4320-AB40-FDFF59FE2DDE}"/>
          </ac:spMkLst>
        </pc:spChg>
        <pc:spChg chg="add del mod">
          <ac:chgData name="Marco Enzo Squillacioti" userId="8bd09d11-ad4d-478d-945e-bb0d471a23aa" providerId="ADAL" clId="{6CD17BBB-A391-4F6C-BBF8-CF5944F791BD}" dt="2020-11-26T14:21:05.371" v="1508" actId="478"/>
          <ac:spMkLst>
            <pc:docMk/>
            <pc:sldMk cId="4139849734" sldId="300"/>
            <ac:spMk id="56" creationId="{9F30095A-ABD7-42C8-BAD9-03A728873D67}"/>
          </ac:spMkLst>
        </pc:spChg>
        <pc:spChg chg="add del mod">
          <ac:chgData name="Marco Enzo Squillacioti" userId="8bd09d11-ad4d-478d-945e-bb0d471a23aa" providerId="ADAL" clId="{6CD17BBB-A391-4F6C-BBF8-CF5944F791BD}" dt="2020-11-26T14:25:17.164" v="1620" actId="478"/>
          <ac:spMkLst>
            <pc:docMk/>
            <pc:sldMk cId="4139849734" sldId="300"/>
            <ac:spMk id="62" creationId="{895BF0F9-8AAC-42A4-9405-CF7412748721}"/>
          </ac:spMkLst>
        </pc:spChg>
        <pc:spChg chg="add del mod">
          <ac:chgData name="Marco Enzo Squillacioti" userId="8bd09d11-ad4d-478d-945e-bb0d471a23aa" providerId="ADAL" clId="{6CD17BBB-A391-4F6C-BBF8-CF5944F791BD}" dt="2020-11-26T14:21:38.327" v="1517" actId="478"/>
          <ac:spMkLst>
            <pc:docMk/>
            <pc:sldMk cId="4139849734" sldId="300"/>
            <ac:spMk id="70" creationId="{95F0F54A-8138-4110-A396-788F14E0F8A2}"/>
          </ac:spMkLst>
        </pc:spChg>
        <pc:spChg chg="add mod">
          <ac:chgData name="Marco Enzo Squillacioti" userId="8bd09d11-ad4d-478d-945e-bb0d471a23aa" providerId="ADAL" clId="{6CD17BBB-A391-4F6C-BBF8-CF5944F791BD}" dt="2020-11-22T18:06:54.112" v="1161" actId="571"/>
          <ac:spMkLst>
            <pc:docMk/>
            <pc:sldMk cId="4139849734" sldId="300"/>
            <ac:spMk id="73" creationId="{E2040ED7-2852-4592-867B-67D152B11DBE}"/>
          </ac:spMkLst>
        </pc:spChg>
        <pc:spChg chg="add mod">
          <ac:chgData name="Marco Enzo Squillacioti" userId="8bd09d11-ad4d-478d-945e-bb0d471a23aa" providerId="ADAL" clId="{6CD17BBB-A391-4F6C-BBF8-CF5944F791BD}" dt="2020-11-22T18:06:54.112" v="1161" actId="571"/>
          <ac:spMkLst>
            <pc:docMk/>
            <pc:sldMk cId="4139849734" sldId="300"/>
            <ac:spMk id="74" creationId="{10B90E76-8FD3-41AB-9F9D-9573CDCED031}"/>
          </ac:spMkLst>
        </pc:spChg>
        <pc:grpChg chg="add del mod">
          <ac:chgData name="Marco Enzo Squillacioti" userId="8bd09d11-ad4d-478d-945e-bb0d471a23aa" providerId="ADAL" clId="{6CD17BBB-A391-4F6C-BBF8-CF5944F791BD}" dt="2020-11-26T14:46:34.287" v="1773" actId="165"/>
          <ac:grpSpMkLst>
            <pc:docMk/>
            <pc:sldMk cId="4139849734" sldId="300"/>
            <ac:grpSpMk id="6" creationId="{C3F89D96-057B-403D-B2E4-B6FFAC41EB64}"/>
          </ac:grpSpMkLst>
        </pc:grpChg>
        <pc:grpChg chg="add mod">
          <ac:chgData name="Marco Enzo Squillacioti" userId="8bd09d11-ad4d-478d-945e-bb0d471a23aa" providerId="ADAL" clId="{6CD17BBB-A391-4F6C-BBF8-CF5944F791BD}" dt="2020-11-26T14:52:07.525" v="1839" actId="1076"/>
          <ac:grpSpMkLst>
            <pc:docMk/>
            <pc:sldMk cId="4139849734" sldId="300"/>
            <ac:grpSpMk id="9" creationId="{9BDE06A4-20DA-43C8-8CD2-1AD42C3867F4}"/>
          </ac:grpSpMkLst>
        </pc:grpChg>
        <pc:grpChg chg="add mod">
          <ac:chgData name="Marco Enzo Squillacioti" userId="8bd09d11-ad4d-478d-945e-bb0d471a23aa" providerId="ADAL" clId="{6CD17BBB-A391-4F6C-BBF8-CF5944F791BD}" dt="2020-11-26T14:48:58.113" v="1807" actId="164"/>
          <ac:grpSpMkLst>
            <pc:docMk/>
            <pc:sldMk cId="4139849734" sldId="300"/>
            <ac:grpSpMk id="20" creationId="{6BF04EA2-81D0-412B-BB7D-A6540A920F90}"/>
          </ac:grpSpMkLst>
        </pc:grpChg>
        <pc:cxnChg chg="add del mod">
          <ac:chgData name="Marco Enzo Squillacioti" userId="8bd09d11-ad4d-478d-945e-bb0d471a23aa" providerId="ADAL" clId="{6CD17BBB-A391-4F6C-BBF8-CF5944F791BD}" dt="2020-11-26T14:09:13.428" v="1421" actId="478"/>
          <ac:cxnSpMkLst>
            <pc:docMk/>
            <pc:sldMk cId="4139849734" sldId="300"/>
            <ac:cxnSpMk id="8" creationId="{5F79AA73-2373-4648-8E69-6DB66995AAD3}"/>
          </ac:cxnSpMkLst>
        </pc:cxnChg>
        <pc:cxnChg chg="add mod">
          <ac:chgData name="Marco Enzo Squillacioti" userId="8bd09d11-ad4d-478d-945e-bb0d471a23aa" providerId="ADAL" clId="{6CD17BBB-A391-4F6C-BBF8-CF5944F791BD}" dt="2020-11-26T14:48:58.113" v="1807" actId="164"/>
          <ac:cxnSpMkLst>
            <pc:docMk/>
            <pc:sldMk cId="4139849734" sldId="300"/>
            <ac:cxnSpMk id="19" creationId="{D6A1D62E-17B1-4C48-A586-9518C2D0D0E2}"/>
          </ac:cxnSpMkLst>
        </pc:cxnChg>
        <pc:cxnChg chg="add del mod">
          <ac:chgData name="Marco Enzo Squillacioti" userId="8bd09d11-ad4d-478d-945e-bb0d471a23aa" providerId="ADAL" clId="{6CD17BBB-A391-4F6C-BBF8-CF5944F791BD}" dt="2020-11-26T14:09:15.086" v="1423" actId="478"/>
          <ac:cxnSpMkLst>
            <pc:docMk/>
            <pc:sldMk cId="4139849734" sldId="300"/>
            <ac:cxnSpMk id="24" creationId="{17D9AA59-B628-4FFF-9B45-06548E910FF5}"/>
          </ac:cxnSpMkLst>
        </pc:cxnChg>
        <pc:cxnChg chg="add del mod">
          <ac:chgData name="Marco Enzo Squillacioti" userId="8bd09d11-ad4d-478d-945e-bb0d471a23aa" providerId="ADAL" clId="{6CD17BBB-A391-4F6C-BBF8-CF5944F791BD}" dt="2020-11-26T14:09:14.276" v="1422" actId="478"/>
          <ac:cxnSpMkLst>
            <pc:docMk/>
            <pc:sldMk cId="4139849734" sldId="300"/>
            <ac:cxnSpMk id="32" creationId="{F81853B5-5241-43E2-85E2-14F9D4955202}"/>
          </ac:cxnSpMkLst>
        </pc:cxnChg>
        <pc:cxnChg chg="add del">
          <ac:chgData name="Marco Enzo Squillacioti" userId="8bd09d11-ad4d-478d-945e-bb0d471a23aa" providerId="ADAL" clId="{6CD17BBB-A391-4F6C-BBF8-CF5944F791BD}" dt="2020-11-22T17:49:03.770" v="688" actId="478"/>
          <ac:cxnSpMkLst>
            <pc:docMk/>
            <pc:sldMk cId="4139849734" sldId="300"/>
            <ac:cxnSpMk id="41" creationId="{63C0A806-3ED5-458F-890A-45C3E6C8BCAA}"/>
          </ac:cxnSpMkLst>
        </pc:cxnChg>
        <pc:cxnChg chg="add del mod">
          <ac:chgData name="Marco Enzo Squillacioti" userId="8bd09d11-ad4d-478d-945e-bb0d471a23aa" providerId="ADAL" clId="{6CD17BBB-A391-4F6C-BBF8-CF5944F791BD}" dt="2020-11-22T17:52:03.489" v="749" actId="478"/>
          <ac:cxnSpMkLst>
            <pc:docMk/>
            <pc:sldMk cId="4139849734" sldId="300"/>
            <ac:cxnSpMk id="50" creationId="{6FACC3C6-9F85-4755-B522-28E0DB7AEB29}"/>
          </ac:cxnSpMkLst>
        </pc:cxnChg>
        <pc:cxnChg chg="add del mod">
          <ac:chgData name="Marco Enzo Squillacioti" userId="8bd09d11-ad4d-478d-945e-bb0d471a23aa" providerId="ADAL" clId="{6CD17BBB-A391-4F6C-BBF8-CF5944F791BD}" dt="2020-11-26T14:09:19.925" v="1427" actId="478"/>
          <ac:cxnSpMkLst>
            <pc:docMk/>
            <pc:sldMk cId="4139849734" sldId="300"/>
            <ac:cxnSpMk id="61" creationId="{CDCB29F6-E413-4879-ABDE-B2B5BA2F8317}"/>
          </ac:cxnSpMkLst>
        </pc:cxnChg>
        <pc:cxnChg chg="add del mod">
          <ac:chgData name="Marco Enzo Squillacioti" userId="8bd09d11-ad4d-478d-945e-bb0d471a23aa" providerId="ADAL" clId="{6CD17BBB-A391-4F6C-BBF8-CF5944F791BD}" dt="2020-11-26T14:09:16.476" v="1424" actId="478"/>
          <ac:cxnSpMkLst>
            <pc:docMk/>
            <pc:sldMk cId="4139849734" sldId="300"/>
            <ac:cxnSpMk id="76" creationId="{B2C3C54D-88FD-4B82-8AD1-D3E8592AEDB4}"/>
          </ac:cxnSpMkLst>
        </pc:cxnChg>
      </pc:sldChg>
      <pc:sldChg chg="addSp delSp modSp mod">
        <pc:chgData name="Marco Enzo Squillacioti" userId="8bd09d11-ad4d-478d-945e-bb0d471a23aa" providerId="ADAL" clId="{6CD17BBB-A391-4F6C-BBF8-CF5944F791BD}" dt="2020-12-07T09:34:44.669" v="2750" actId="313"/>
        <pc:sldMkLst>
          <pc:docMk/>
          <pc:sldMk cId="4144805983" sldId="301"/>
        </pc:sldMkLst>
        <pc:spChg chg="mod">
          <ac:chgData name="Marco Enzo Squillacioti" userId="8bd09d11-ad4d-478d-945e-bb0d471a23aa" providerId="ADAL" clId="{6CD17BBB-A391-4F6C-BBF8-CF5944F791BD}" dt="2020-12-07T09:34:38.833" v="2746" actId="1076"/>
          <ac:spMkLst>
            <pc:docMk/>
            <pc:sldMk cId="4144805983" sldId="301"/>
            <ac:spMk id="3" creationId="{86F37277-9C42-4BD1-927E-7F1962FB1120}"/>
          </ac:spMkLst>
        </pc:spChg>
        <pc:spChg chg="mod">
          <ac:chgData name="Marco Enzo Squillacioti" userId="8bd09d11-ad4d-478d-945e-bb0d471a23aa" providerId="ADAL" clId="{6CD17BBB-A391-4F6C-BBF8-CF5944F791BD}" dt="2020-12-07T09:34:39.604" v="2749" actId="207"/>
          <ac:spMkLst>
            <pc:docMk/>
            <pc:sldMk cId="4144805983" sldId="301"/>
            <ac:spMk id="28" creationId="{AFC390C5-BCB5-964D-98A3-48C78598BFEA}"/>
          </ac:spMkLst>
        </pc:spChg>
        <pc:spChg chg="mod">
          <ac:chgData name="Marco Enzo Squillacioti" userId="8bd09d11-ad4d-478d-945e-bb0d471a23aa" providerId="ADAL" clId="{6CD17BBB-A391-4F6C-BBF8-CF5944F791BD}" dt="2020-12-07T09:34:39.604" v="2749" actId="207"/>
          <ac:spMkLst>
            <pc:docMk/>
            <pc:sldMk cId="4144805983" sldId="301"/>
            <ac:spMk id="32" creationId="{0CDC2F05-7F4F-8748-9872-E80E8D327937}"/>
          </ac:spMkLst>
        </pc:spChg>
        <pc:spChg chg="mod">
          <ac:chgData name="Marco Enzo Squillacioti" userId="8bd09d11-ad4d-478d-945e-bb0d471a23aa" providerId="ADAL" clId="{6CD17BBB-A391-4F6C-BBF8-CF5944F791BD}" dt="2020-12-07T09:34:39.604" v="2749" actId="207"/>
          <ac:spMkLst>
            <pc:docMk/>
            <pc:sldMk cId="4144805983" sldId="301"/>
            <ac:spMk id="35" creationId="{78A30820-9ED7-4145-AB7E-4D150E4122CA}"/>
          </ac:spMkLst>
        </pc:spChg>
        <pc:spChg chg="mod">
          <ac:chgData name="Marco Enzo Squillacioti" userId="8bd09d11-ad4d-478d-945e-bb0d471a23aa" providerId="ADAL" clId="{6CD17BBB-A391-4F6C-BBF8-CF5944F791BD}" dt="2020-12-07T09:34:39.604" v="2749" actId="207"/>
          <ac:spMkLst>
            <pc:docMk/>
            <pc:sldMk cId="4144805983" sldId="301"/>
            <ac:spMk id="37" creationId="{1E180605-9875-764E-95BF-A5E3DAA6CDB2}"/>
          </ac:spMkLst>
        </pc:spChg>
        <pc:spChg chg="mod">
          <ac:chgData name="Marco Enzo Squillacioti" userId="8bd09d11-ad4d-478d-945e-bb0d471a23aa" providerId="ADAL" clId="{6CD17BBB-A391-4F6C-BBF8-CF5944F791BD}" dt="2020-12-07T09:34:39.604" v="2749" actId="207"/>
          <ac:spMkLst>
            <pc:docMk/>
            <pc:sldMk cId="4144805983" sldId="301"/>
            <ac:spMk id="39" creationId="{000D1375-0A62-494D-8DB9-81ED80045ACC}"/>
          </ac:spMkLst>
        </pc:spChg>
        <pc:spChg chg="mod ord">
          <ac:chgData name="Marco Enzo Squillacioti" userId="8bd09d11-ad4d-478d-945e-bb0d471a23aa" providerId="ADAL" clId="{6CD17BBB-A391-4F6C-BBF8-CF5944F791BD}" dt="2020-11-20T13:15:39.587" v="105" actId="1038"/>
          <ac:spMkLst>
            <pc:docMk/>
            <pc:sldMk cId="4144805983" sldId="301"/>
            <ac:spMk id="40" creationId="{89C48FD2-A358-0542-A225-E21F6D2B56F2}"/>
          </ac:spMkLst>
        </pc:spChg>
        <pc:spChg chg="mod">
          <ac:chgData name="Marco Enzo Squillacioti" userId="8bd09d11-ad4d-478d-945e-bb0d471a23aa" providerId="ADAL" clId="{6CD17BBB-A391-4F6C-BBF8-CF5944F791BD}" dt="2020-11-20T13:17:04.052" v="198" actId="1037"/>
          <ac:spMkLst>
            <pc:docMk/>
            <pc:sldMk cId="4144805983" sldId="301"/>
            <ac:spMk id="43" creationId="{ABAD0511-39C9-194A-929C-0CC3E30E56F6}"/>
          </ac:spMkLst>
        </pc:spChg>
        <pc:spChg chg="mod">
          <ac:chgData name="Marco Enzo Squillacioti" userId="8bd09d11-ad4d-478d-945e-bb0d471a23aa" providerId="ADAL" clId="{6CD17BBB-A391-4F6C-BBF8-CF5944F791BD}" dt="2020-11-20T13:15:45.239" v="107" actId="1037"/>
          <ac:spMkLst>
            <pc:docMk/>
            <pc:sldMk cId="4144805983" sldId="301"/>
            <ac:spMk id="48" creationId="{12FD9661-58B4-3F43-B850-E3D271BD11AE}"/>
          </ac:spMkLst>
        </pc:spChg>
        <pc:spChg chg="mod">
          <ac:chgData name="Marco Enzo Squillacioti" userId="8bd09d11-ad4d-478d-945e-bb0d471a23aa" providerId="ADAL" clId="{6CD17BBB-A391-4F6C-BBF8-CF5944F791BD}" dt="2020-11-20T13:12:36.063" v="76" actId="1037"/>
          <ac:spMkLst>
            <pc:docMk/>
            <pc:sldMk cId="4144805983" sldId="301"/>
            <ac:spMk id="49" creationId="{383FEE7E-56F8-6A41-8621-9B0F57645632}"/>
          </ac:spMkLst>
        </pc:spChg>
        <pc:spChg chg="mod">
          <ac:chgData name="Marco Enzo Squillacioti" userId="8bd09d11-ad4d-478d-945e-bb0d471a23aa" providerId="ADAL" clId="{6CD17BBB-A391-4F6C-BBF8-CF5944F791BD}" dt="2020-11-20T13:12:13.490" v="37" actId="1038"/>
          <ac:spMkLst>
            <pc:docMk/>
            <pc:sldMk cId="4144805983" sldId="301"/>
            <ac:spMk id="50" creationId="{D6CA5D1D-81DB-E146-852B-AAAABF96D2D9}"/>
          </ac:spMkLst>
        </pc:spChg>
        <pc:spChg chg="mod">
          <ac:chgData name="Marco Enzo Squillacioti" userId="8bd09d11-ad4d-478d-945e-bb0d471a23aa" providerId="ADAL" clId="{6CD17BBB-A391-4F6C-BBF8-CF5944F791BD}" dt="2020-11-20T13:16:35.614" v="165" actId="1037"/>
          <ac:spMkLst>
            <pc:docMk/>
            <pc:sldMk cId="4144805983" sldId="301"/>
            <ac:spMk id="51" creationId="{3A400206-3778-3740-A6D3-C01F84EA9ECC}"/>
          </ac:spMkLst>
        </pc:spChg>
        <pc:spChg chg="mod">
          <ac:chgData name="Marco Enzo Squillacioti" userId="8bd09d11-ad4d-478d-945e-bb0d471a23aa" providerId="ADAL" clId="{6CD17BBB-A391-4F6C-BBF8-CF5944F791BD}" dt="2020-11-20T13:17:16.919" v="206" actId="1037"/>
          <ac:spMkLst>
            <pc:docMk/>
            <pc:sldMk cId="4144805983" sldId="301"/>
            <ac:spMk id="52" creationId="{FEE7AEE3-178B-1A4C-8619-03800DFECE8C}"/>
          </ac:spMkLst>
        </pc:spChg>
        <pc:spChg chg="mod">
          <ac:chgData name="Marco Enzo Squillacioti" userId="8bd09d11-ad4d-478d-945e-bb0d471a23aa" providerId="ADAL" clId="{6CD17BBB-A391-4F6C-BBF8-CF5944F791BD}" dt="2020-11-20T13:16:26.421" v="150" actId="1037"/>
          <ac:spMkLst>
            <pc:docMk/>
            <pc:sldMk cId="4144805983" sldId="301"/>
            <ac:spMk id="64" creationId="{2A9040AB-C4D8-E149-A093-AB60476A30B3}"/>
          </ac:spMkLst>
        </pc:spChg>
        <pc:spChg chg="mod">
          <ac:chgData name="Marco Enzo Squillacioti" userId="8bd09d11-ad4d-478d-945e-bb0d471a23aa" providerId="ADAL" clId="{6CD17BBB-A391-4F6C-BBF8-CF5944F791BD}" dt="2020-11-20T13:12:56.372" v="97" actId="1038"/>
          <ac:spMkLst>
            <pc:docMk/>
            <pc:sldMk cId="4144805983" sldId="301"/>
            <ac:spMk id="66" creationId="{65B6845B-E842-1841-9347-6E0F2ADE05F8}"/>
          </ac:spMkLst>
        </pc:spChg>
        <pc:spChg chg="mod">
          <ac:chgData name="Marco Enzo Squillacioti" userId="8bd09d11-ad4d-478d-945e-bb0d471a23aa" providerId="ADAL" clId="{6CD17BBB-A391-4F6C-BBF8-CF5944F791BD}" dt="2020-11-20T13:17:24.141" v="229" actId="1038"/>
          <ac:spMkLst>
            <pc:docMk/>
            <pc:sldMk cId="4144805983" sldId="301"/>
            <ac:spMk id="70" creationId="{B21C7B36-6841-C642-BFDE-0B08B9AF99F2}"/>
          </ac:spMkLst>
        </pc:spChg>
        <pc:spChg chg="mod">
          <ac:chgData name="Marco Enzo Squillacioti" userId="8bd09d11-ad4d-478d-945e-bb0d471a23aa" providerId="ADAL" clId="{6CD17BBB-A391-4F6C-BBF8-CF5944F791BD}" dt="2020-11-20T13:16:52.960" v="180" actId="1038"/>
          <ac:spMkLst>
            <pc:docMk/>
            <pc:sldMk cId="4144805983" sldId="301"/>
            <ac:spMk id="81" creationId="{CA3F1054-1EBC-0D4E-8146-56522D5F11A3}"/>
          </ac:spMkLst>
        </pc:spChg>
        <pc:spChg chg="ord">
          <ac:chgData name="Marco Enzo Squillacioti" userId="8bd09d11-ad4d-478d-945e-bb0d471a23aa" providerId="ADAL" clId="{6CD17BBB-A391-4F6C-BBF8-CF5944F791BD}" dt="2020-11-19T07:33:47.843" v="3" actId="167"/>
          <ac:spMkLst>
            <pc:docMk/>
            <pc:sldMk cId="4144805983" sldId="301"/>
            <ac:spMk id="83" creationId="{023B9FEA-6311-9440-88D8-1F73D231FA34}"/>
          </ac:spMkLst>
        </pc:spChg>
        <pc:spChg chg="mod">
          <ac:chgData name="Marco Enzo Squillacioti" userId="8bd09d11-ad4d-478d-945e-bb0d471a23aa" providerId="ADAL" clId="{6CD17BBB-A391-4F6C-BBF8-CF5944F791BD}" dt="2020-12-07T09:34:44.669" v="2750" actId="313"/>
          <ac:spMkLst>
            <pc:docMk/>
            <pc:sldMk cId="4144805983" sldId="301"/>
            <ac:spMk id="97" creationId="{64B2F49B-465F-124C-9D34-A5915D8F72B7}"/>
          </ac:spMkLst>
        </pc:spChg>
        <pc:graphicFrameChg chg="add del mod modGraphic">
          <ac:chgData name="Marco Enzo Squillacioti" userId="8bd09d11-ad4d-478d-945e-bb0d471a23aa" providerId="ADAL" clId="{6CD17BBB-A391-4F6C-BBF8-CF5944F791BD}" dt="2020-11-20T13:25:24.667" v="236" actId="478"/>
          <ac:graphicFrameMkLst>
            <pc:docMk/>
            <pc:sldMk cId="4144805983" sldId="301"/>
            <ac:graphicFrameMk id="6" creationId="{343C03FB-982B-4326-A1F3-B777436C91E7}"/>
          </ac:graphicFrameMkLst>
        </pc:graphicFrameChg>
        <pc:graphicFrameChg chg="add del mod modGraphic">
          <ac:chgData name="Marco Enzo Squillacioti" userId="8bd09d11-ad4d-478d-945e-bb0d471a23aa" providerId="ADAL" clId="{6CD17BBB-A391-4F6C-BBF8-CF5944F791BD}" dt="2020-11-20T13:28:18.707" v="248" actId="478"/>
          <ac:graphicFrameMkLst>
            <pc:docMk/>
            <pc:sldMk cId="4144805983" sldId="301"/>
            <ac:graphicFrameMk id="9" creationId="{8742E2E9-2344-47DD-B690-61CBC60E0B80}"/>
          </ac:graphicFrameMkLst>
        </pc:graphicFrameChg>
        <pc:graphicFrameChg chg="add del mod modGraphic">
          <ac:chgData name="Marco Enzo Squillacioti" userId="8bd09d11-ad4d-478d-945e-bb0d471a23aa" providerId="ADAL" clId="{6CD17BBB-A391-4F6C-BBF8-CF5944F791BD}" dt="2020-11-20T13:28:18.707" v="248" actId="478"/>
          <ac:graphicFrameMkLst>
            <pc:docMk/>
            <pc:sldMk cId="4144805983" sldId="301"/>
            <ac:graphicFrameMk id="11" creationId="{A982D614-07BD-42BC-9EE2-C36404E8B195}"/>
          </ac:graphicFrameMkLst>
        </pc:graphicFrameChg>
        <pc:cxnChg chg="mod">
          <ac:chgData name="Marco Enzo Squillacioti" userId="8bd09d11-ad4d-478d-945e-bb0d471a23aa" providerId="ADAL" clId="{6CD17BBB-A391-4F6C-BBF8-CF5944F791BD}" dt="2020-12-07T09:34:39.388" v="2748" actId="208"/>
          <ac:cxnSpMkLst>
            <pc:docMk/>
            <pc:sldMk cId="4144805983" sldId="301"/>
            <ac:cxnSpMk id="29" creationId="{A9CCC835-F31F-D74C-81BE-E05ABFD815FE}"/>
          </ac:cxnSpMkLst>
        </pc:cxnChg>
        <pc:cxnChg chg="mod">
          <ac:chgData name="Marco Enzo Squillacioti" userId="8bd09d11-ad4d-478d-945e-bb0d471a23aa" providerId="ADAL" clId="{6CD17BBB-A391-4F6C-BBF8-CF5944F791BD}" dt="2020-12-07T09:34:39.388" v="2748" actId="208"/>
          <ac:cxnSpMkLst>
            <pc:docMk/>
            <pc:sldMk cId="4144805983" sldId="301"/>
            <ac:cxnSpMk id="31" creationId="{B40E843A-3AB5-2B4E-AEC3-CFFBD75D8228}"/>
          </ac:cxnSpMkLst>
        </pc:cxnChg>
        <pc:cxnChg chg="mod">
          <ac:chgData name="Marco Enzo Squillacioti" userId="8bd09d11-ad4d-478d-945e-bb0d471a23aa" providerId="ADAL" clId="{6CD17BBB-A391-4F6C-BBF8-CF5944F791BD}" dt="2020-12-07T09:34:39.388" v="2748" actId="208"/>
          <ac:cxnSpMkLst>
            <pc:docMk/>
            <pc:sldMk cId="4144805983" sldId="301"/>
            <ac:cxnSpMk id="34" creationId="{D4BE565C-6F7F-4B40-B163-48CD3C971A26}"/>
          </ac:cxnSpMkLst>
        </pc:cxnChg>
        <pc:cxnChg chg="mod">
          <ac:chgData name="Marco Enzo Squillacioti" userId="8bd09d11-ad4d-478d-945e-bb0d471a23aa" providerId="ADAL" clId="{6CD17BBB-A391-4F6C-BBF8-CF5944F791BD}" dt="2020-12-07T09:34:39.388" v="2748" actId="208"/>
          <ac:cxnSpMkLst>
            <pc:docMk/>
            <pc:sldMk cId="4144805983" sldId="301"/>
            <ac:cxnSpMk id="36" creationId="{BB51C2AB-FDB8-6441-972E-8F2C8E2106A5}"/>
          </ac:cxnSpMkLst>
        </pc:cxnChg>
        <pc:cxnChg chg="mod">
          <ac:chgData name="Marco Enzo Squillacioti" userId="8bd09d11-ad4d-478d-945e-bb0d471a23aa" providerId="ADAL" clId="{6CD17BBB-A391-4F6C-BBF8-CF5944F791BD}" dt="2020-12-07T09:34:39.388" v="2748" actId="208"/>
          <ac:cxnSpMkLst>
            <pc:docMk/>
            <pc:sldMk cId="4144805983" sldId="301"/>
            <ac:cxnSpMk id="38" creationId="{2E06D6CB-959F-DD4C-922D-0A0A5B1F5717}"/>
          </ac:cxnSpMkLst>
        </pc:cxnChg>
        <pc:cxnChg chg="mod">
          <ac:chgData name="Marco Enzo Squillacioti" userId="8bd09d11-ad4d-478d-945e-bb0d471a23aa" providerId="ADAL" clId="{6CD17BBB-A391-4F6C-BBF8-CF5944F791BD}" dt="2020-12-07T09:34:39.388" v="2748" actId="208"/>
          <ac:cxnSpMkLst>
            <pc:docMk/>
            <pc:sldMk cId="4144805983" sldId="301"/>
            <ac:cxnSpMk id="45" creationId="{3A2E34A2-6411-2341-9C9B-29EE1045917F}"/>
          </ac:cxnSpMkLst>
        </pc:cxnChg>
        <pc:cxnChg chg="mod">
          <ac:chgData name="Marco Enzo Squillacioti" userId="8bd09d11-ad4d-478d-945e-bb0d471a23aa" providerId="ADAL" clId="{6CD17BBB-A391-4F6C-BBF8-CF5944F791BD}" dt="2020-12-07T09:34:39.388" v="2748" actId="208"/>
          <ac:cxnSpMkLst>
            <pc:docMk/>
            <pc:sldMk cId="4144805983" sldId="301"/>
            <ac:cxnSpMk id="53" creationId="{3431E4E7-AD48-BE43-9767-8010484F6B3F}"/>
          </ac:cxnSpMkLst>
        </pc:cxnChg>
        <pc:cxnChg chg="mod">
          <ac:chgData name="Marco Enzo Squillacioti" userId="8bd09d11-ad4d-478d-945e-bb0d471a23aa" providerId="ADAL" clId="{6CD17BBB-A391-4F6C-BBF8-CF5944F791BD}" dt="2020-12-07T09:34:39.388" v="2748" actId="208"/>
          <ac:cxnSpMkLst>
            <pc:docMk/>
            <pc:sldMk cId="4144805983" sldId="301"/>
            <ac:cxnSpMk id="54" creationId="{2D426D87-6A05-A548-A561-B3D744F04CF1}"/>
          </ac:cxnSpMkLst>
        </pc:cxnChg>
        <pc:cxnChg chg="mod">
          <ac:chgData name="Marco Enzo Squillacioti" userId="8bd09d11-ad4d-478d-945e-bb0d471a23aa" providerId="ADAL" clId="{6CD17BBB-A391-4F6C-BBF8-CF5944F791BD}" dt="2020-12-07T09:34:39.388" v="2748" actId="208"/>
          <ac:cxnSpMkLst>
            <pc:docMk/>
            <pc:sldMk cId="4144805983" sldId="301"/>
            <ac:cxnSpMk id="56" creationId="{9B5838F5-D1E2-D045-B4C2-72EF404F1D4B}"/>
          </ac:cxnSpMkLst>
        </pc:cxnChg>
        <pc:cxnChg chg="mod">
          <ac:chgData name="Marco Enzo Squillacioti" userId="8bd09d11-ad4d-478d-945e-bb0d471a23aa" providerId="ADAL" clId="{6CD17BBB-A391-4F6C-BBF8-CF5944F791BD}" dt="2020-12-07T09:34:39.388" v="2748" actId="208"/>
          <ac:cxnSpMkLst>
            <pc:docMk/>
            <pc:sldMk cId="4144805983" sldId="301"/>
            <ac:cxnSpMk id="58" creationId="{FBE74FA6-5E88-254D-80D3-1D4D876D2E97}"/>
          </ac:cxnSpMkLst>
        </pc:cxnChg>
        <pc:cxnChg chg="mod">
          <ac:chgData name="Marco Enzo Squillacioti" userId="8bd09d11-ad4d-478d-945e-bb0d471a23aa" providerId="ADAL" clId="{6CD17BBB-A391-4F6C-BBF8-CF5944F791BD}" dt="2020-12-07T09:34:39.388" v="2748" actId="208"/>
          <ac:cxnSpMkLst>
            <pc:docMk/>
            <pc:sldMk cId="4144805983" sldId="301"/>
            <ac:cxnSpMk id="73" creationId="{3B721ED5-BC5C-DE4A-9152-E9028ABEF99E}"/>
          </ac:cxnSpMkLst>
        </pc:cxnChg>
        <pc:cxnChg chg="mod">
          <ac:chgData name="Marco Enzo Squillacioti" userId="8bd09d11-ad4d-478d-945e-bb0d471a23aa" providerId="ADAL" clId="{6CD17BBB-A391-4F6C-BBF8-CF5944F791BD}" dt="2020-12-07T09:34:39.388" v="2748" actId="208"/>
          <ac:cxnSpMkLst>
            <pc:docMk/>
            <pc:sldMk cId="4144805983" sldId="301"/>
            <ac:cxnSpMk id="76" creationId="{6C378AFC-3C6C-6D4A-81BC-0A8D40C56045}"/>
          </ac:cxnSpMkLst>
        </pc:cxnChg>
        <pc:cxnChg chg="mod">
          <ac:chgData name="Marco Enzo Squillacioti" userId="8bd09d11-ad4d-478d-945e-bb0d471a23aa" providerId="ADAL" clId="{6CD17BBB-A391-4F6C-BBF8-CF5944F791BD}" dt="2020-12-07T09:34:39.388" v="2748" actId="208"/>
          <ac:cxnSpMkLst>
            <pc:docMk/>
            <pc:sldMk cId="4144805983" sldId="301"/>
            <ac:cxnSpMk id="80" creationId="{9B1889F2-24A0-D64A-AE02-9D321964265E}"/>
          </ac:cxnSpMkLst>
        </pc:cxnChg>
        <pc:cxnChg chg="mod">
          <ac:chgData name="Marco Enzo Squillacioti" userId="8bd09d11-ad4d-478d-945e-bb0d471a23aa" providerId="ADAL" clId="{6CD17BBB-A391-4F6C-BBF8-CF5944F791BD}" dt="2020-12-07T09:34:39.388" v="2748" actId="208"/>
          <ac:cxnSpMkLst>
            <pc:docMk/>
            <pc:sldMk cId="4144805983" sldId="301"/>
            <ac:cxnSpMk id="84" creationId="{56FFEDCC-9F70-8D46-874E-23F1F5820090}"/>
          </ac:cxnSpMkLst>
        </pc:cxnChg>
        <pc:cxnChg chg="mod">
          <ac:chgData name="Marco Enzo Squillacioti" userId="8bd09d11-ad4d-478d-945e-bb0d471a23aa" providerId="ADAL" clId="{6CD17BBB-A391-4F6C-BBF8-CF5944F791BD}" dt="2020-11-27T10:25:32.953" v="1967" actId="14100"/>
          <ac:cxnSpMkLst>
            <pc:docMk/>
            <pc:sldMk cId="4144805983" sldId="301"/>
            <ac:cxnSpMk id="88" creationId="{E01C0BAA-A069-F040-B78B-F69B7DAE3220}"/>
          </ac:cxnSpMkLst>
        </pc:cxnChg>
      </pc:sldChg>
      <pc:sldChg chg="addSp delSp modSp new del mod">
        <pc:chgData name="Marco Enzo Squillacioti" userId="8bd09d11-ad4d-478d-945e-bb0d471a23aa" providerId="ADAL" clId="{6CD17BBB-A391-4F6C-BBF8-CF5944F791BD}" dt="2020-11-20T13:26:42.785" v="244" actId="27022"/>
        <pc:sldMkLst>
          <pc:docMk/>
          <pc:sldMk cId="240215798" sldId="303"/>
        </pc:sldMkLst>
        <pc:graphicFrameChg chg="add del mod modGraphic">
          <ac:chgData name="Marco Enzo Squillacioti" userId="8bd09d11-ad4d-478d-945e-bb0d471a23aa" providerId="ADAL" clId="{6CD17BBB-A391-4F6C-BBF8-CF5944F791BD}" dt="2020-11-20T13:26:42.785" v="244" actId="27022"/>
          <ac:graphicFrameMkLst>
            <pc:docMk/>
            <pc:sldMk cId="240215798" sldId="303"/>
            <ac:graphicFrameMk id="6" creationId="{127B620D-EB64-4DD1-849A-4A02E095FF83}"/>
          </ac:graphicFrameMkLst>
        </pc:graphicFrameChg>
      </pc:sldChg>
      <pc:sldChg chg="modSp mod">
        <pc:chgData name="Marco Enzo Squillacioti" userId="8bd09d11-ad4d-478d-945e-bb0d471a23aa" providerId="ADAL" clId="{6CD17BBB-A391-4F6C-BBF8-CF5944F791BD}" dt="2020-11-27T11:55:47.721" v="2333" actId="1038"/>
        <pc:sldMkLst>
          <pc:docMk/>
          <pc:sldMk cId="2061120155" sldId="303"/>
        </pc:sldMkLst>
        <pc:cxnChg chg="mod">
          <ac:chgData name="Marco Enzo Squillacioti" userId="8bd09d11-ad4d-478d-945e-bb0d471a23aa" providerId="ADAL" clId="{6CD17BBB-A391-4F6C-BBF8-CF5944F791BD}" dt="2020-11-27T11:55:47.721" v="2333" actId="1038"/>
          <ac:cxnSpMkLst>
            <pc:docMk/>
            <pc:sldMk cId="2061120155" sldId="303"/>
            <ac:cxnSpMk id="24" creationId="{39C23AA6-48B3-4952-8641-2823B5654971}"/>
          </ac:cxnSpMkLst>
        </pc:cxnChg>
      </pc:sldChg>
      <pc:sldChg chg="modSp mod">
        <pc:chgData name="Marco Enzo Squillacioti" userId="8bd09d11-ad4d-478d-945e-bb0d471a23aa" providerId="ADAL" clId="{6CD17BBB-A391-4F6C-BBF8-CF5944F791BD}" dt="2020-11-27T11:55:53.551" v="2336" actId="1037"/>
        <pc:sldMkLst>
          <pc:docMk/>
          <pc:sldMk cId="3041848815" sldId="304"/>
        </pc:sldMkLst>
        <pc:cxnChg chg="mod">
          <ac:chgData name="Marco Enzo Squillacioti" userId="8bd09d11-ad4d-478d-945e-bb0d471a23aa" providerId="ADAL" clId="{6CD17BBB-A391-4F6C-BBF8-CF5944F791BD}" dt="2020-11-27T11:55:53.551" v="2336" actId="1037"/>
          <ac:cxnSpMkLst>
            <pc:docMk/>
            <pc:sldMk cId="3041848815" sldId="304"/>
            <ac:cxnSpMk id="16" creationId="{28605012-C13B-4C4F-AA8D-BD150C49EE2C}"/>
          </ac:cxnSpMkLst>
        </pc:cxnChg>
      </pc:sldChg>
      <pc:sldChg chg="modSp mod">
        <pc:chgData name="Marco Enzo Squillacioti" userId="8bd09d11-ad4d-478d-945e-bb0d471a23aa" providerId="ADAL" clId="{6CD17BBB-A391-4F6C-BBF8-CF5944F791BD}" dt="2020-11-27T11:54:44.748" v="2314" actId="14100"/>
        <pc:sldMkLst>
          <pc:docMk/>
          <pc:sldMk cId="1073331143" sldId="305"/>
        </pc:sldMkLst>
        <pc:cxnChg chg="mod">
          <ac:chgData name="Marco Enzo Squillacioti" userId="8bd09d11-ad4d-478d-945e-bb0d471a23aa" providerId="ADAL" clId="{6CD17BBB-A391-4F6C-BBF8-CF5944F791BD}" dt="2020-11-27T11:54:44.748" v="2314" actId="14100"/>
          <ac:cxnSpMkLst>
            <pc:docMk/>
            <pc:sldMk cId="1073331143" sldId="305"/>
            <ac:cxnSpMk id="67" creationId="{FB7A91E7-680A-4B5F-98D2-80F9EDBA476A}"/>
          </ac:cxnSpMkLst>
        </pc:cxnChg>
      </pc:sldChg>
      <pc:sldChg chg="modSp mod">
        <pc:chgData name="Marco Enzo Squillacioti" userId="8bd09d11-ad4d-478d-945e-bb0d471a23aa" providerId="ADAL" clId="{6CD17BBB-A391-4F6C-BBF8-CF5944F791BD}" dt="2020-11-27T11:55:34.320" v="2329" actId="1037"/>
        <pc:sldMkLst>
          <pc:docMk/>
          <pc:sldMk cId="4245634019" sldId="306"/>
        </pc:sldMkLst>
        <pc:spChg chg="ord">
          <ac:chgData name="Marco Enzo Squillacioti" userId="8bd09d11-ad4d-478d-945e-bb0d471a23aa" providerId="ADAL" clId="{6CD17BBB-A391-4F6C-BBF8-CF5944F791BD}" dt="2020-11-27T11:54:51.586" v="2315" actId="167"/>
          <ac:spMkLst>
            <pc:docMk/>
            <pc:sldMk cId="4245634019" sldId="306"/>
            <ac:spMk id="44" creationId="{F54A324A-B34E-40CE-9288-67F15D150B1C}"/>
          </ac:spMkLst>
        </pc:spChg>
        <pc:cxnChg chg="mod">
          <ac:chgData name="Marco Enzo Squillacioti" userId="8bd09d11-ad4d-478d-945e-bb0d471a23aa" providerId="ADAL" clId="{6CD17BBB-A391-4F6C-BBF8-CF5944F791BD}" dt="2020-11-27T11:55:29.747" v="2325" actId="14100"/>
          <ac:cxnSpMkLst>
            <pc:docMk/>
            <pc:sldMk cId="4245634019" sldId="306"/>
            <ac:cxnSpMk id="36" creationId="{9D5710A9-547E-4CDD-8E6C-E60A6FA4807D}"/>
          </ac:cxnSpMkLst>
        </pc:cxnChg>
        <pc:cxnChg chg="mod">
          <ac:chgData name="Marco Enzo Squillacioti" userId="8bd09d11-ad4d-478d-945e-bb0d471a23aa" providerId="ADAL" clId="{6CD17BBB-A391-4F6C-BBF8-CF5944F791BD}" dt="2020-11-27T11:54:57.714" v="2316" actId="14100"/>
          <ac:cxnSpMkLst>
            <pc:docMk/>
            <pc:sldMk cId="4245634019" sldId="306"/>
            <ac:cxnSpMk id="38" creationId="{8F31714B-19C1-4784-A6C2-DFA2B1EE8BA7}"/>
          </ac:cxnSpMkLst>
        </pc:cxnChg>
        <pc:cxnChg chg="mod">
          <ac:chgData name="Marco Enzo Squillacioti" userId="8bd09d11-ad4d-478d-945e-bb0d471a23aa" providerId="ADAL" clId="{6CD17BBB-A391-4F6C-BBF8-CF5944F791BD}" dt="2020-11-27T11:55:34.320" v="2329" actId="1037"/>
          <ac:cxnSpMkLst>
            <pc:docMk/>
            <pc:sldMk cId="4245634019" sldId="306"/>
            <ac:cxnSpMk id="40" creationId="{8A16AC51-8695-43EC-AFEF-F6F6D563A569}"/>
          </ac:cxnSpMkLst>
        </pc:cxnChg>
        <pc:cxnChg chg="mod">
          <ac:chgData name="Marco Enzo Squillacioti" userId="8bd09d11-ad4d-478d-945e-bb0d471a23aa" providerId="ADAL" clId="{6CD17BBB-A391-4F6C-BBF8-CF5944F791BD}" dt="2020-11-27T11:55:18.141" v="2323" actId="1038"/>
          <ac:cxnSpMkLst>
            <pc:docMk/>
            <pc:sldMk cId="4245634019" sldId="306"/>
            <ac:cxnSpMk id="42" creationId="{A835B5A9-C12A-4A61-9B59-C59BE8239360}"/>
          </ac:cxnSpMkLst>
        </pc:cxnChg>
      </pc:sldChg>
      <pc:sldChg chg="addSp delSp modSp add del mod delAnim modAnim modNotesTx">
        <pc:chgData name="Marco Enzo Squillacioti" userId="8bd09d11-ad4d-478d-945e-bb0d471a23aa" providerId="ADAL" clId="{6CD17BBB-A391-4F6C-BBF8-CF5944F791BD}" dt="2020-11-27T12:40:30.914" v="2739" actId="164"/>
        <pc:sldMkLst>
          <pc:docMk/>
          <pc:sldMk cId="2025670773" sldId="307"/>
        </pc:sldMkLst>
        <pc:spChg chg="mod">
          <ac:chgData name="Marco Enzo Squillacioti" userId="8bd09d11-ad4d-478d-945e-bb0d471a23aa" providerId="ADAL" clId="{6CD17BBB-A391-4F6C-BBF8-CF5944F791BD}" dt="2020-11-27T10:31:31.145" v="1977" actId="1076"/>
          <ac:spMkLst>
            <pc:docMk/>
            <pc:sldMk cId="2025670773" sldId="307"/>
            <ac:spMk id="3" creationId="{86F37277-9C42-4BD1-927E-7F1962FB1120}"/>
          </ac:spMkLst>
        </pc:spChg>
        <pc:spChg chg="mod">
          <ac:chgData name="Marco Enzo Squillacioti" userId="8bd09d11-ad4d-478d-945e-bb0d471a23aa" providerId="ADAL" clId="{6CD17BBB-A391-4F6C-BBF8-CF5944F791BD}" dt="2020-11-27T12:38:03.996" v="2657" actId="1076"/>
          <ac:spMkLst>
            <pc:docMk/>
            <pc:sldMk cId="2025670773" sldId="307"/>
            <ac:spMk id="4" creationId="{0CFF5BD3-BC61-410C-975C-B328CA5EA89A}"/>
          </ac:spMkLst>
        </pc:spChg>
        <pc:spChg chg="add mod">
          <ac:chgData name="Marco Enzo Squillacioti" userId="8bd09d11-ad4d-478d-945e-bb0d471a23aa" providerId="ADAL" clId="{6CD17BBB-A391-4F6C-BBF8-CF5944F791BD}" dt="2020-11-27T12:40:30.914" v="2739" actId="164"/>
          <ac:spMkLst>
            <pc:docMk/>
            <pc:sldMk cId="2025670773" sldId="307"/>
            <ac:spMk id="5" creationId="{0F37B7DE-922A-4B18-BD76-CD0F344399D4}"/>
          </ac:spMkLst>
        </pc:spChg>
        <pc:spChg chg="add mod">
          <ac:chgData name="Marco Enzo Squillacioti" userId="8bd09d11-ad4d-478d-945e-bb0d471a23aa" providerId="ADAL" clId="{6CD17BBB-A391-4F6C-BBF8-CF5944F791BD}" dt="2020-11-27T12:40:30.914" v="2739" actId="164"/>
          <ac:spMkLst>
            <pc:docMk/>
            <pc:sldMk cId="2025670773" sldId="307"/>
            <ac:spMk id="6" creationId="{33157071-F35D-4D88-9FD4-829749A43E24}"/>
          </ac:spMkLst>
        </pc:spChg>
        <pc:spChg chg="mod">
          <ac:chgData name="Marco Enzo Squillacioti" userId="8bd09d11-ad4d-478d-945e-bb0d471a23aa" providerId="ADAL" clId="{6CD17BBB-A391-4F6C-BBF8-CF5944F791BD}" dt="2020-11-26T15:10:28.164" v="1934" actId="208"/>
          <ac:spMkLst>
            <pc:docMk/>
            <pc:sldMk cId="2025670773" sldId="307"/>
            <ac:spMk id="11" creationId="{C711F134-DA36-45B1-8BD3-EC20C2A1E638}"/>
          </ac:spMkLst>
        </pc:spChg>
        <pc:spChg chg="mod topLvl">
          <ac:chgData name="Marco Enzo Squillacioti" userId="8bd09d11-ad4d-478d-945e-bb0d471a23aa" providerId="ADAL" clId="{6CD17BBB-A391-4F6C-BBF8-CF5944F791BD}" dt="2020-11-27T10:33:02.105" v="2006" actId="14100"/>
          <ac:spMkLst>
            <pc:docMk/>
            <pc:sldMk cId="2025670773" sldId="307"/>
            <ac:spMk id="12" creationId="{09934044-3746-40C9-BC65-E5D0F0482538}"/>
          </ac:spMkLst>
        </pc:spChg>
        <pc:spChg chg="del mod topLvl">
          <ac:chgData name="Marco Enzo Squillacioti" userId="8bd09d11-ad4d-478d-945e-bb0d471a23aa" providerId="ADAL" clId="{6CD17BBB-A391-4F6C-BBF8-CF5944F791BD}" dt="2020-11-27T10:31:59.426" v="1986" actId="478"/>
          <ac:spMkLst>
            <pc:docMk/>
            <pc:sldMk cId="2025670773" sldId="307"/>
            <ac:spMk id="13" creationId="{5CA9CC79-9006-4733-8202-3EF01DDD73CC}"/>
          </ac:spMkLst>
        </pc:spChg>
        <pc:spChg chg="del mod topLvl">
          <ac:chgData name="Marco Enzo Squillacioti" userId="8bd09d11-ad4d-478d-945e-bb0d471a23aa" providerId="ADAL" clId="{6CD17BBB-A391-4F6C-BBF8-CF5944F791BD}" dt="2020-11-27T10:32:52.672" v="2003" actId="478"/>
          <ac:spMkLst>
            <pc:docMk/>
            <pc:sldMk cId="2025670773" sldId="307"/>
            <ac:spMk id="14" creationId="{5E4FED2B-102C-4B19-8878-829D8E19941D}"/>
          </ac:spMkLst>
        </pc:spChg>
        <pc:spChg chg="del mod topLvl">
          <ac:chgData name="Marco Enzo Squillacioti" userId="8bd09d11-ad4d-478d-945e-bb0d471a23aa" providerId="ADAL" clId="{6CD17BBB-A391-4F6C-BBF8-CF5944F791BD}" dt="2020-11-27T10:32:52.672" v="2003" actId="478"/>
          <ac:spMkLst>
            <pc:docMk/>
            <pc:sldMk cId="2025670773" sldId="307"/>
            <ac:spMk id="15" creationId="{E76D46BB-8D62-40BD-AFFA-0F2A6DC16E63}"/>
          </ac:spMkLst>
        </pc:spChg>
        <pc:spChg chg="del mod topLvl">
          <ac:chgData name="Marco Enzo Squillacioti" userId="8bd09d11-ad4d-478d-945e-bb0d471a23aa" providerId="ADAL" clId="{6CD17BBB-A391-4F6C-BBF8-CF5944F791BD}" dt="2020-11-27T10:32:52.672" v="2003" actId="478"/>
          <ac:spMkLst>
            <pc:docMk/>
            <pc:sldMk cId="2025670773" sldId="307"/>
            <ac:spMk id="16" creationId="{5C1DBAAA-7F7E-4FF6-98CB-B9691FFA062C}"/>
          </ac:spMkLst>
        </pc:spChg>
        <pc:spChg chg="del mod topLvl">
          <ac:chgData name="Marco Enzo Squillacioti" userId="8bd09d11-ad4d-478d-945e-bb0d471a23aa" providerId="ADAL" clId="{6CD17BBB-A391-4F6C-BBF8-CF5944F791BD}" dt="2020-11-27T10:32:52.672" v="2003" actId="478"/>
          <ac:spMkLst>
            <pc:docMk/>
            <pc:sldMk cId="2025670773" sldId="307"/>
            <ac:spMk id="17" creationId="{E3BE03B4-4D38-42A0-827C-FD7E3287B996}"/>
          </ac:spMkLst>
        </pc:spChg>
        <pc:spChg chg="mod">
          <ac:chgData name="Marco Enzo Squillacioti" userId="8bd09d11-ad4d-478d-945e-bb0d471a23aa" providerId="ADAL" clId="{6CD17BBB-A391-4F6C-BBF8-CF5944F791BD}" dt="2020-11-27T10:28:04.406" v="1970" actId="1076"/>
          <ac:spMkLst>
            <pc:docMk/>
            <pc:sldMk cId="2025670773" sldId="307"/>
            <ac:spMk id="23" creationId="{AB3442BB-1443-4DDF-8C15-01173EAFCAE5}"/>
          </ac:spMkLst>
        </pc:spChg>
        <pc:spChg chg="mod">
          <ac:chgData name="Marco Enzo Squillacioti" userId="8bd09d11-ad4d-478d-945e-bb0d471a23aa" providerId="ADAL" clId="{6CD17BBB-A391-4F6C-BBF8-CF5944F791BD}" dt="2020-11-27T12:38:05.952" v="2658" actId="1076"/>
          <ac:spMkLst>
            <pc:docMk/>
            <pc:sldMk cId="2025670773" sldId="307"/>
            <ac:spMk id="29" creationId="{29DD0967-B992-488A-BEC1-1B6412F5EE0D}"/>
          </ac:spMkLst>
        </pc:spChg>
        <pc:spChg chg="mod">
          <ac:chgData name="Marco Enzo Squillacioti" userId="8bd09d11-ad4d-478d-945e-bb0d471a23aa" providerId="ADAL" clId="{6CD17BBB-A391-4F6C-BBF8-CF5944F791BD}" dt="2020-11-27T10:28:02.552" v="1969" actId="1076"/>
          <ac:spMkLst>
            <pc:docMk/>
            <pc:sldMk cId="2025670773" sldId="307"/>
            <ac:spMk id="30" creationId="{74B3C748-AB82-48F3-8A1C-42794D4FF1A1}"/>
          </ac:spMkLst>
        </pc:spChg>
        <pc:spChg chg="mod">
          <ac:chgData name="Marco Enzo Squillacioti" userId="8bd09d11-ad4d-478d-945e-bb0d471a23aa" providerId="ADAL" clId="{6CD17BBB-A391-4F6C-BBF8-CF5944F791BD}" dt="2020-11-26T15:00:15.268" v="1878" actId="164"/>
          <ac:spMkLst>
            <pc:docMk/>
            <pc:sldMk cId="2025670773" sldId="307"/>
            <ac:spMk id="31" creationId="{87208E75-1769-4C2E-AD50-45D6D82EF3FD}"/>
          </ac:spMkLst>
        </pc:spChg>
        <pc:spChg chg="add mod">
          <ac:chgData name="Marco Enzo Squillacioti" userId="8bd09d11-ad4d-478d-945e-bb0d471a23aa" providerId="ADAL" clId="{6CD17BBB-A391-4F6C-BBF8-CF5944F791BD}" dt="2020-11-27T12:40:30.914" v="2739" actId="164"/>
          <ac:spMkLst>
            <pc:docMk/>
            <pc:sldMk cId="2025670773" sldId="307"/>
            <ac:spMk id="32" creationId="{B28B79F4-7E8A-41C5-A7E3-425CDDD48E76}"/>
          </ac:spMkLst>
        </pc:spChg>
        <pc:spChg chg="mod">
          <ac:chgData name="Marco Enzo Squillacioti" userId="8bd09d11-ad4d-478d-945e-bb0d471a23aa" providerId="ADAL" clId="{6CD17BBB-A391-4F6C-BBF8-CF5944F791BD}" dt="2020-11-27T12:38:00.157" v="2655" actId="1076"/>
          <ac:spMkLst>
            <pc:docMk/>
            <pc:sldMk cId="2025670773" sldId="307"/>
            <ac:spMk id="34" creationId="{3084B9AD-BA72-42AC-8EF4-5B7AABB4EC2B}"/>
          </ac:spMkLst>
        </pc:spChg>
        <pc:spChg chg="mod">
          <ac:chgData name="Marco Enzo Squillacioti" userId="8bd09d11-ad4d-478d-945e-bb0d471a23aa" providerId="ADAL" clId="{6CD17BBB-A391-4F6C-BBF8-CF5944F791BD}" dt="2020-11-27T10:28:06.583" v="1971" actId="1076"/>
          <ac:spMkLst>
            <pc:docMk/>
            <pc:sldMk cId="2025670773" sldId="307"/>
            <ac:spMk id="35" creationId="{49FF8F25-9732-4391-A5C8-DF561C470D53}"/>
          </ac:spMkLst>
        </pc:spChg>
        <pc:spChg chg="add mod">
          <ac:chgData name="Marco Enzo Squillacioti" userId="8bd09d11-ad4d-478d-945e-bb0d471a23aa" providerId="ADAL" clId="{6CD17BBB-A391-4F6C-BBF8-CF5944F791BD}" dt="2020-11-27T12:40:30.914" v="2739" actId="164"/>
          <ac:spMkLst>
            <pc:docMk/>
            <pc:sldMk cId="2025670773" sldId="307"/>
            <ac:spMk id="37" creationId="{E9B35548-7F67-4D05-8822-DF611C98269B}"/>
          </ac:spMkLst>
        </pc:spChg>
        <pc:spChg chg="mod">
          <ac:chgData name="Marco Enzo Squillacioti" userId="8bd09d11-ad4d-478d-945e-bb0d471a23aa" providerId="ADAL" clId="{6CD17BBB-A391-4F6C-BBF8-CF5944F791BD}" dt="2020-11-26T15:12:03.348" v="1949" actId="1038"/>
          <ac:spMkLst>
            <pc:docMk/>
            <pc:sldMk cId="2025670773" sldId="307"/>
            <ac:spMk id="41" creationId="{CE8BF97E-E11B-4320-AB40-FDFF59FE2DDE}"/>
          </ac:spMkLst>
        </pc:spChg>
        <pc:grpChg chg="add mod">
          <ac:chgData name="Marco Enzo Squillacioti" userId="8bd09d11-ad4d-478d-945e-bb0d471a23aa" providerId="ADAL" clId="{6CD17BBB-A391-4F6C-BBF8-CF5944F791BD}" dt="2020-11-27T12:40:30.914" v="2739" actId="164"/>
          <ac:grpSpMkLst>
            <pc:docMk/>
            <pc:sldMk cId="2025670773" sldId="307"/>
            <ac:grpSpMk id="8" creationId="{51A5E070-F36F-4A0D-B2B8-93291604579D}"/>
          </ac:grpSpMkLst>
        </pc:grpChg>
        <pc:grpChg chg="mod">
          <ac:chgData name="Marco Enzo Squillacioti" userId="8bd09d11-ad4d-478d-945e-bb0d471a23aa" providerId="ADAL" clId="{6CD17BBB-A391-4F6C-BBF8-CF5944F791BD}" dt="2020-11-27T12:37:58.866" v="2654" actId="1076"/>
          <ac:grpSpMkLst>
            <pc:docMk/>
            <pc:sldMk cId="2025670773" sldId="307"/>
            <ac:grpSpMk id="9" creationId="{9BDE06A4-20DA-43C8-8CD2-1AD42C3867F4}"/>
          </ac:grpSpMkLst>
        </pc:grpChg>
        <pc:grpChg chg="add del mod">
          <ac:chgData name="Marco Enzo Squillacioti" userId="8bd09d11-ad4d-478d-945e-bb0d471a23aa" providerId="ADAL" clId="{6CD17BBB-A391-4F6C-BBF8-CF5944F791BD}" dt="2020-11-27T10:29:47.029" v="1974" actId="165"/>
          <ac:grpSpMkLst>
            <pc:docMk/>
            <pc:sldMk cId="2025670773" sldId="307"/>
            <ac:grpSpMk id="10" creationId="{D761AFF1-902F-47DE-9083-47F7B7DE1EBF}"/>
          </ac:grpSpMkLst>
        </pc:grpChg>
        <pc:grpChg chg="add del mod ord">
          <ac:chgData name="Marco Enzo Squillacioti" userId="8bd09d11-ad4d-478d-945e-bb0d471a23aa" providerId="ADAL" clId="{6CD17BBB-A391-4F6C-BBF8-CF5944F791BD}" dt="2020-11-27T10:29:53.257" v="1975" actId="165"/>
          <ac:grpSpMkLst>
            <pc:docMk/>
            <pc:sldMk cId="2025670773" sldId="307"/>
            <ac:grpSpMk id="18" creationId="{809E872E-99D2-442A-A0C4-6840A9C1B446}"/>
          </ac:grpSpMkLst>
        </pc:grpChg>
        <pc:grpChg chg="mod">
          <ac:chgData name="Marco Enzo Squillacioti" userId="8bd09d11-ad4d-478d-945e-bb0d471a23aa" providerId="ADAL" clId="{6CD17BBB-A391-4F6C-BBF8-CF5944F791BD}" dt="2020-11-26T15:00:15.268" v="1878" actId="164"/>
          <ac:grpSpMkLst>
            <pc:docMk/>
            <pc:sldMk cId="2025670773" sldId="307"/>
            <ac:grpSpMk id="20" creationId="{6BF04EA2-81D0-412B-BB7D-A6540A920F90}"/>
          </ac:grpSpMkLst>
        </pc:grpChg>
        <pc:grpChg chg="add del mod ord">
          <ac:chgData name="Marco Enzo Squillacioti" userId="8bd09d11-ad4d-478d-945e-bb0d471a23aa" providerId="ADAL" clId="{6CD17BBB-A391-4F6C-BBF8-CF5944F791BD}" dt="2020-11-27T10:27:57.547" v="1968" actId="478"/>
          <ac:grpSpMkLst>
            <pc:docMk/>
            <pc:sldMk cId="2025670773" sldId="307"/>
            <ac:grpSpMk id="21" creationId="{507C6C27-D870-4957-8E7B-10E3343D375B}"/>
          </ac:grpSpMkLst>
        </pc:grpChg>
        <pc:cxnChg chg="mod">
          <ac:chgData name="Marco Enzo Squillacioti" userId="8bd09d11-ad4d-478d-945e-bb0d471a23aa" providerId="ADAL" clId="{6CD17BBB-A391-4F6C-BBF8-CF5944F791BD}" dt="2020-11-27T10:27:57.547" v="1968" actId="478"/>
          <ac:cxnSpMkLst>
            <pc:docMk/>
            <pc:sldMk cId="2025670773" sldId="307"/>
            <ac:cxnSpMk id="19" creationId="{D6A1D62E-17B1-4C48-A586-9518C2D0D0E2}"/>
          </ac:cxnSpMkLst>
        </pc:cxnChg>
      </pc:sldChg>
      <pc:sldChg chg="modSp mod">
        <pc:chgData name="Marco Enzo Squillacioti" userId="8bd09d11-ad4d-478d-945e-bb0d471a23aa" providerId="ADAL" clId="{6CD17BBB-A391-4F6C-BBF8-CF5944F791BD}" dt="2020-11-27T11:24:32.423" v="2234" actId="6549"/>
        <pc:sldMkLst>
          <pc:docMk/>
          <pc:sldMk cId="2424633996" sldId="308"/>
        </pc:sldMkLst>
        <pc:spChg chg="mod">
          <ac:chgData name="Marco Enzo Squillacioti" userId="8bd09d11-ad4d-478d-945e-bb0d471a23aa" providerId="ADAL" clId="{6CD17BBB-A391-4F6C-BBF8-CF5944F791BD}" dt="2020-11-27T11:24:32.423" v="2234" actId="6549"/>
          <ac:spMkLst>
            <pc:docMk/>
            <pc:sldMk cId="2424633996" sldId="308"/>
            <ac:spMk id="6" creationId="{2D81EBA2-E79D-4E73-80D8-CA877DCF40C7}"/>
          </ac:spMkLst>
        </pc:spChg>
      </pc:sldChg>
      <pc:sldChg chg="modSp add del mod modAnim">
        <pc:chgData name="Marco Enzo Squillacioti" userId="8bd09d11-ad4d-478d-945e-bb0d471a23aa" providerId="ADAL" clId="{6CD17BBB-A391-4F6C-BBF8-CF5944F791BD}" dt="2020-11-26T19:40:40.901" v="1962" actId="2696"/>
        <pc:sldMkLst>
          <pc:docMk/>
          <pc:sldMk cId="3267641063" sldId="308"/>
        </pc:sldMkLst>
        <pc:grpChg chg="mod">
          <ac:chgData name="Marco Enzo Squillacioti" userId="8bd09d11-ad4d-478d-945e-bb0d471a23aa" providerId="ADAL" clId="{6CD17BBB-A391-4F6C-BBF8-CF5944F791BD}" dt="2020-11-26T19:38:42.861" v="1953" actId="1076"/>
          <ac:grpSpMkLst>
            <pc:docMk/>
            <pc:sldMk cId="3267641063" sldId="308"/>
            <ac:grpSpMk id="10" creationId="{D761AFF1-902F-47DE-9083-47F7B7DE1EBF}"/>
          </ac:grpSpMkLst>
        </pc:grpChg>
        <pc:grpChg chg="mod">
          <ac:chgData name="Marco Enzo Squillacioti" userId="8bd09d11-ad4d-478d-945e-bb0d471a23aa" providerId="ADAL" clId="{6CD17BBB-A391-4F6C-BBF8-CF5944F791BD}" dt="2020-11-26T19:38:52.364" v="1954" actId="1076"/>
          <ac:grpSpMkLst>
            <pc:docMk/>
            <pc:sldMk cId="3267641063" sldId="308"/>
            <ac:grpSpMk id="18" creationId="{809E872E-99D2-442A-A0C4-6840A9C1B446}"/>
          </ac:grpSpMkLst>
        </pc:grpChg>
      </pc:sldChg>
    </pc:docChg>
  </pc:docChgLst>
  <pc:docChgLst>
    <pc:chgData name="Shubham Sanjay Ingole" userId="S::s200092@win.dtu.dk::ec40096c-0047-4d8d-8a90-1675687b99a4" providerId="AD" clId="Web-{18E0E280-F4EA-4036-B195-6B9F274830F8}"/>
    <pc:docChg chg="modSld">
      <pc:chgData name="Shubham Sanjay Ingole" userId="S::s200092@win.dtu.dk::ec40096c-0047-4d8d-8a90-1675687b99a4" providerId="AD" clId="Web-{18E0E280-F4EA-4036-B195-6B9F274830F8}" dt="2020-11-13T10:06:59.227" v="0" actId="14100"/>
      <pc:docMkLst>
        <pc:docMk/>
      </pc:docMkLst>
      <pc:sldChg chg="modSp">
        <pc:chgData name="Shubham Sanjay Ingole" userId="S::s200092@win.dtu.dk::ec40096c-0047-4d8d-8a90-1675687b99a4" providerId="AD" clId="Web-{18E0E280-F4EA-4036-B195-6B9F274830F8}" dt="2020-11-13T10:06:59.227" v="0" actId="14100"/>
        <pc:sldMkLst>
          <pc:docMk/>
          <pc:sldMk cId="2678455207" sldId="302"/>
        </pc:sldMkLst>
        <pc:spChg chg="mod">
          <ac:chgData name="Shubham Sanjay Ingole" userId="S::s200092@win.dtu.dk::ec40096c-0047-4d8d-8a90-1675687b99a4" providerId="AD" clId="Web-{18E0E280-F4EA-4036-B195-6B9F274830F8}" dt="2020-11-13T10:06:59.227" v="0" actId="14100"/>
          <ac:spMkLst>
            <pc:docMk/>
            <pc:sldMk cId="2678455207" sldId="302"/>
            <ac:spMk id="89" creationId="{4AE939ED-0C49-B140-BD08-8989280BBB05}"/>
          </ac:spMkLst>
        </pc:spChg>
      </pc:sldChg>
    </pc:docChg>
  </pc:docChgLst>
  <pc:docChgLst>
    <pc:chgData name="Shubham Sanjay Ingole" userId="S::s200092@win.dtu.dk::ec40096c-0047-4d8d-8a90-1675687b99a4" providerId="AD" clId="Web-{03F034EA-4B61-4C96-9E28-749AFF97B346}"/>
    <pc:docChg chg="modSld">
      <pc:chgData name="Shubham Sanjay Ingole" userId="S::s200092@win.dtu.dk::ec40096c-0047-4d8d-8a90-1675687b99a4" providerId="AD" clId="Web-{03F034EA-4B61-4C96-9E28-749AFF97B346}" dt="2020-11-23T22:48:08.269" v="310" actId="14100"/>
      <pc:docMkLst>
        <pc:docMk/>
      </pc:docMkLst>
      <pc:sldChg chg="modSp">
        <pc:chgData name="Shubham Sanjay Ingole" userId="S::s200092@win.dtu.dk::ec40096c-0047-4d8d-8a90-1675687b99a4" providerId="AD" clId="Web-{03F034EA-4B61-4C96-9E28-749AFF97B346}" dt="2020-11-23T22:48:08.269" v="310" actId="14100"/>
        <pc:sldMkLst>
          <pc:docMk/>
          <pc:sldMk cId="4144805983" sldId="301"/>
        </pc:sldMkLst>
        <pc:spChg chg="mod">
          <ac:chgData name="Shubham Sanjay Ingole" userId="S::s200092@win.dtu.dk::ec40096c-0047-4d8d-8a90-1675687b99a4" providerId="AD" clId="Web-{03F034EA-4B61-4C96-9E28-749AFF97B346}" dt="2020-11-23T22:47:30.003" v="303" actId="14100"/>
          <ac:spMkLst>
            <pc:docMk/>
            <pc:sldMk cId="4144805983" sldId="301"/>
            <ac:spMk id="39" creationId="{000D1375-0A62-494D-8DB9-81ED80045ACC}"/>
          </ac:spMkLst>
        </pc:spChg>
        <pc:spChg chg="mod">
          <ac:chgData name="Shubham Sanjay Ingole" userId="S::s200092@win.dtu.dk::ec40096c-0047-4d8d-8a90-1675687b99a4" providerId="AD" clId="Web-{03F034EA-4B61-4C96-9E28-749AFF97B346}" dt="2020-11-23T22:47:46.222" v="305" actId="1076"/>
          <ac:spMkLst>
            <pc:docMk/>
            <pc:sldMk cId="4144805983" sldId="301"/>
            <ac:spMk id="97" creationId="{64B2F49B-465F-124C-9D34-A5915D8F72B7}"/>
          </ac:spMkLst>
        </pc:spChg>
        <pc:cxnChg chg="mod">
          <ac:chgData name="Shubham Sanjay Ingole" userId="S::s200092@win.dtu.dk::ec40096c-0047-4d8d-8a90-1675687b99a4" providerId="AD" clId="Web-{03F034EA-4B61-4C96-9E28-749AFF97B346}" dt="2020-11-23T22:47:39.378" v="304" actId="14100"/>
          <ac:cxnSpMkLst>
            <pc:docMk/>
            <pc:sldMk cId="4144805983" sldId="301"/>
            <ac:cxnSpMk id="38" creationId="{2E06D6CB-959F-DD4C-922D-0A0A5B1F5717}"/>
          </ac:cxnSpMkLst>
        </pc:cxnChg>
        <pc:cxnChg chg="mod">
          <ac:chgData name="Shubham Sanjay Ingole" userId="S::s200092@win.dtu.dk::ec40096c-0047-4d8d-8a90-1675687b99a4" providerId="AD" clId="Web-{03F034EA-4B61-4C96-9E28-749AFF97B346}" dt="2020-11-23T22:48:08.269" v="310" actId="14100"/>
          <ac:cxnSpMkLst>
            <pc:docMk/>
            <pc:sldMk cId="4144805983" sldId="301"/>
            <ac:cxnSpMk id="84" creationId="{56FFEDCC-9F70-8D46-874E-23F1F5820090}"/>
          </ac:cxnSpMkLst>
        </pc:cxnChg>
      </pc:sldChg>
      <pc:sldChg chg="addSp delSp modSp">
        <pc:chgData name="Shubham Sanjay Ingole" userId="S::s200092@win.dtu.dk::ec40096c-0047-4d8d-8a90-1675687b99a4" providerId="AD" clId="Web-{03F034EA-4B61-4C96-9E28-749AFF97B346}" dt="2020-11-23T22:47:13.034" v="301" actId="14100"/>
        <pc:sldMkLst>
          <pc:docMk/>
          <pc:sldMk cId="1073331143" sldId="305"/>
        </pc:sldMkLst>
        <pc:spChg chg="add del">
          <ac:chgData name="Shubham Sanjay Ingole" userId="S::s200092@win.dtu.dk::ec40096c-0047-4d8d-8a90-1675687b99a4" providerId="AD" clId="Web-{03F034EA-4B61-4C96-9E28-749AFF97B346}" dt="2020-11-23T22:35:10.931" v="82"/>
          <ac:spMkLst>
            <pc:docMk/>
            <pc:sldMk cId="1073331143" sldId="305"/>
            <ac:spMk id="5" creationId="{D3611EC4-D8B6-436B-9B5D-E5E1863FB7BE}"/>
          </ac:spMkLst>
        </pc:spChg>
        <pc:spChg chg="add del">
          <ac:chgData name="Shubham Sanjay Ingole" userId="S::s200092@win.dtu.dk::ec40096c-0047-4d8d-8a90-1675687b99a4" providerId="AD" clId="Web-{03F034EA-4B61-4C96-9E28-749AFF97B346}" dt="2020-11-23T22:35:10.931" v="81"/>
          <ac:spMkLst>
            <pc:docMk/>
            <pc:sldMk cId="1073331143" sldId="305"/>
            <ac:spMk id="9" creationId="{0EAC891C-42F6-48D4-A5B9-C0C8C42B4BF6}"/>
          </ac:spMkLst>
        </pc:spChg>
        <pc:spChg chg="add del">
          <ac:chgData name="Shubham Sanjay Ingole" userId="S::s200092@win.dtu.dk::ec40096c-0047-4d8d-8a90-1675687b99a4" providerId="AD" clId="Web-{03F034EA-4B61-4C96-9E28-749AFF97B346}" dt="2020-11-23T22:36:02.510" v="116"/>
          <ac:spMkLst>
            <pc:docMk/>
            <pc:sldMk cId="1073331143" sldId="305"/>
            <ac:spMk id="17" creationId="{4FED803C-9C42-454B-B47F-35E4CC05D687}"/>
          </ac:spMkLst>
        </pc:spChg>
        <pc:spChg chg="add mod topLvl">
          <ac:chgData name="Shubham Sanjay Ingole" userId="S::s200092@win.dtu.dk::ec40096c-0047-4d8d-8a90-1675687b99a4" providerId="AD" clId="Web-{03F034EA-4B61-4C96-9E28-749AFF97B346}" dt="2020-11-23T22:37:37.995" v="132"/>
          <ac:spMkLst>
            <pc:docMk/>
            <pc:sldMk cId="1073331143" sldId="305"/>
            <ac:spMk id="21" creationId="{72F104FF-7F48-4767-9FAB-20789E4C6D1D}"/>
          </ac:spMkLst>
        </pc:spChg>
        <pc:spChg chg="add mod topLvl">
          <ac:chgData name="Shubham Sanjay Ingole" userId="S::s200092@win.dtu.dk::ec40096c-0047-4d8d-8a90-1675687b99a4" providerId="AD" clId="Web-{03F034EA-4B61-4C96-9E28-749AFF97B346}" dt="2020-11-23T22:38:45.512" v="154" actId="1076"/>
          <ac:spMkLst>
            <pc:docMk/>
            <pc:sldMk cId="1073331143" sldId="305"/>
            <ac:spMk id="23" creationId="{CDBDC478-1B62-4408-960B-9E4AB0C38738}"/>
          </ac:spMkLst>
        </pc:spChg>
        <pc:spChg chg="add del">
          <ac:chgData name="Shubham Sanjay Ingole" userId="S::s200092@win.dtu.dk::ec40096c-0047-4d8d-8a90-1675687b99a4" providerId="AD" clId="Web-{03F034EA-4B61-4C96-9E28-749AFF97B346}" dt="2020-11-23T22:36:02.510" v="115"/>
          <ac:spMkLst>
            <pc:docMk/>
            <pc:sldMk cId="1073331143" sldId="305"/>
            <ac:spMk id="27" creationId="{F7D01E80-FC1B-461A-96CF-BF85FB9C36C0}"/>
          </ac:spMkLst>
        </pc:spChg>
        <pc:spChg chg="add del">
          <ac:chgData name="Shubham Sanjay Ingole" userId="S::s200092@win.dtu.dk::ec40096c-0047-4d8d-8a90-1675687b99a4" providerId="AD" clId="Web-{03F034EA-4B61-4C96-9E28-749AFF97B346}" dt="2020-11-23T22:36:06.166" v="117"/>
          <ac:spMkLst>
            <pc:docMk/>
            <pc:sldMk cId="1073331143" sldId="305"/>
            <ac:spMk id="29" creationId="{A9DAFE7C-BDE1-48F4-AE10-102B14C35C5E}"/>
          </ac:spMkLst>
        </pc:spChg>
        <pc:spChg chg="add del">
          <ac:chgData name="Shubham Sanjay Ingole" userId="S::s200092@win.dtu.dk::ec40096c-0047-4d8d-8a90-1675687b99a4" providerId="AD" clId="Web-{03F034EA-4B61-4C96-9E28-749AFF97B346}" dt="2020-11-23T22:36:02.510" v="114"/>
          <ac:spMkLst>
            <pc:docMk/>
            <pc:sldMk cId="1073331143" sldId="305"/>
            <ac:spMk id="31" creationId="{C7D06F5A-BE66-4081-8B6E-405DFEA21057}"/>
          </ac:spMkLst>
        </pc:spChg>
        <pc:spChg chg="add del">
          <ac:chgData name="Shubham Sanjay Ingole" userId="S::s200092@win.dtu.dk::ec40096c-0047-4d8d-8a90-1675687b99a4" providerId="AD" clId="Web-{03F034EA-4B61-4C96-9E28-749AFF97B346}" dt="2020-11-23T22:36:02.510" v="113"/>
          <ac:spMkLst>
            <pc:docMk/>
            <pc:sldMk cId="1073331143" sldId="305"/>
            <ac:spMk id="33" creationId="{5C04FA20-797D-48C7-8049-103F9BD3BD87}"/>
          </ac:spMkLst>
        </pc:spChg>
        <pc:spChg chg="add del">
          <ac:chgData name="Shubham Sanjay Ingole" userId="S::s200092@win.dtu.dk::ec40096c-0047-4d8d-8a90-1675687b99a4" providerId="AD" clId="Web-{03F034EA-4B61-4C96-9E28-749AFF97B346}" dt="2020-11-23T22:36:02.510" v="112"/>
          <ac:spMkLst>
            <pc:docMk/>
            <pc:sldMk cId="1073331143" sldId="305"/>
            <ac:spMk id="35" creationId="{E0A484C5-B608-498C-977A-90CA239C47CC}"/>
          </ac:spMkLst>
        </pc:spChg>
        <pc:spChg chg="add del">
          <ac:chgData name="Shubham Sanjay Ingole" userId="S::s200092@win.dtu.dk::ec40096c-0047-4d8d-8a90-1675687b99a4" providerId="AD" clId="Web-{03F034EA-4B61-4C96-9E28-749AFF97B346}" dt="2020-11-23T22:36:02.510" v="107"/>
          <ac:spMkLst>
            <pc:docMk/>
            <pc:sldMk cId="1073331143" sldId="305"/>
            <ac:spMk id="45" creationId="{E1055D72-EC6C-4A0B-A087-CBBC8B060CFF}"/>
          </ac:spMkLst>
        </pc:spChg>
        <pc:spChg chg="add del">
          <ac:chgData name="Shubham Sanjay Ingole" userId="S::s200092@win.dtu.dk::ec40096c-0047-4d8d-8a90-1675687b99a4" providerId="AD" clId="Web-{03F034EA-4B61-4C96-9E28-749AFF97B346}" dt="2020-11-23T22:36:02.510" v="106"/>
          <ac:spMkLst>
            <pc:docMk/>
            <pc:sldMk cId="1073331143" sldId="305"/>
            <ac:spMk id="47" creationId="{7C73DD38-79B2-4F0C-93A9-0244AE29BB01}"/>
          </ac:spMkLst>
        </pc:spChg>
        <pc:spChg chg="add del">
          <ac:chgData name="Shubham Sanjay Ingole" userId="S::s200092@win.dtu.dk::ec40096c-0047-4d8d-8a90-1675687b99a4" providerId="AD" clId="Web-{03F034EA-4B61-4C96-9E28-749AFF97B346}" dt="2020-11-23T22:35:39.916" v="99"/>
          <ac:spMkLst>
            <pc:docMk/>
            <pc:sldMk cId="1073331143" sldId="305"/>
            <ac:spMk id="49" creationId="{06023A3A-0E4D-438D-B5E3-E580BB60E164}"/>
          </ac:spMkLst>
        </pc:spChg>
        <pc:spChg chg="add del">
          <ac:chgData name="Shubham Sanjay Ingole" userId="S::s200092@win.dtu.dk::ec40096c-0047-4d8d-8a90-1675687b99a4" providerId="AD" clId="Web-{03F034EA-4B61-4C96-9E28-749AFF97B346}" dt="2020-11-23T22:36:02.510" v="105"/>
          <ac:spMkLst>
            <pc:docMk/>
            <pc:sldMk cId="1073331143" sldId="305"/>
            <ac:spMk id="51" creationId="{BD071A0D-62C1-4A21-A83A-BD67652271BF}"/>
          </ac:spMkLst>
        </pc:spChg>
        <pc:spChg chg="add del">
          <ac:chgData name="Shubham Sanjay Ingole" userId="S::s200092@win.dtu.dk::ec40096c-0047-4d8d-8a90-1675687b99a4" providerId="AD" clId="Web-{03F034EA-4B61-4C96-9E28-749AFF97B346}" dt="2020-11-23T22:35:39.916" v="98"/>
          <ac:spMkLst>
            <pc:docMk/>
            <pc:sldMk cId="1073331143" sldId="305"/>
            <ac:spMk id="53" creationId="{34158BD2-A1CD-45A1-A74E-A88A222A7252}"/>
          </ac:spMkLst>
        </pc:spChg>
        <pc:spChg chg="add mod topLvl">
          <ac:chgData name="Shubham Sanjay Ingole" userId="S::s200092@win.dtu.dk::ec40096c-0047-4d8d-8a90-1675687b99a4" providerId="AD" clId="Web-{03F034EA-4B61-4C96-9E28-749AFF97B346}" dt="2020-11-23T22:37:37.995" v="132"/>
          <ac:spMkLst>
            <pc:docMk/>
            <pc:sldMk cId="1073331143" sldId="305"/>
            <ac:spMk id="55" creationId="{DDB34444-BC62-4236-97C7-5B38803BCB27}"/>
          </ac:spMkLst>
        </pc:spChg>
        <pc:spChg chg="add del">
          <ac:chgData name="Shubham Sanjay Ingole" userId="S::s200092@win.dtu.dk::ec40096c-0047-4d8d-8a90-1675687b99a4" providerId="AD" clId="Web-{03F034EA-4B61-4C96-9E28-749AFF97B346}" dt="2020-11-23T22:35:39.916" v="96"/>
          <ac:spMkLst>
            <pc:docMk/>
            <pc:sldMk cId="1073331143" sldId="305"/>
            <ac:spMk id="59" creationId="{7D8219D8-28FB-4BB6-99B0-A39207148FE2}"/>
          </ac:spMkLst>
        </pc:spChg>
        <pc:spChg chg="add del">
          <ac:chgData name="Shubham Sanjay Ingole" userId="S::s200092@win.dtu.dk::ec40096c-0047-4d8d-8a90-1675687b99a4" providerId="AD" clId="Web-{03F034EA-4B61-4C96-9E28-749AFF97B346}" dt="2020-11-23T22:35:10.931" v="78"/>
          <ac:spMkLst>
            <pc:docMk/>
            <pc:sldMk cId="1073331143" sldId="305"/>
            <ac:spMk id="65" creationId="{D8BBD29F-B0AE-468E-B1C9-BEB62C420DE2}"/>
          </ac:spMkLst>
        </pc:spChg>
        <pc:spChg chg="add del">
          <ac:chgData name="Shubham Sanjay Ingole" userId="S::s200092@win.dtu.dk::ec40096c-0047-4d8d-8a90-1675687b99a4" providerId="AD" clId="Web-{03F034EA-4B61-4C96-9E28-749AFF97B346}" dt="2020-11-23T22:35:10.931" v="77"/>
          <ac:spMkLst>
            <pc:docMk/>
            <pc:sldMk cId="1073331143" sldId="305"/>
            <ac:spMk id="69" creationId="{A152EBC5-857C-492F-85D4-A0499E02F122}"/>
          </ac:spMkLst>
        </pc:spChg>
        <pc:spChg chg="add mod topLvl">
          <ac:chgData name="Shubham Sanjay Ingole" userId="S::s200092@win.dtu.dk::ec40096c-0047-4d8d-8a90-1675687b99a4" providerId="AD" clId="Web-{03F034EA-4B61-4C96-9E28-749AFF97B346}" dt="2020-11-23T22:37:37.995" v="132"/>
          <ac:spMkLst>
            <pc:docMk/>
            <pc:sldMk cId="1073331143" sldId="305"/>
            <ac:spMk id="73" creationId="{7CBF7AB0-ABC6-4687-8B8B-B8022215B9F5}"/>
          </ac:spMkLst>
        </pc:spChg>
        <pc:spChg chg="add mod topLvl">
          <ac:chgData name="Shubham Sanjay Ingole" userId="S::s200092@win.dtu.dk::ec40096c-0047-4d8d-8a90-1675687b99a4" providerId="AD" clId="Web-{03F034EA-4B61-4C96-9E28-749AFF97B346}" dt="2020-11-23T22:45:27.673" v="277" actId="1076"/>
          <ac:spMkLst>
            <pc:docMk/>
            <pc:sldMk cId="1073331143" sldId="305"/>
            <ac:spMk id="75" creationId="{BFAE08FC-ADA4-4DC6-B6F0-64B62201909B}"/>
          </ac:spMkLst>
        </pc:spChg>
        <pc:spChg chg="add mod">
          <ac:chgData name="Shubham Sanjay Ingole" userId="S::s200092@win.dtu.dk::ec40096c-0047-4d8d-8a90-1675687b99a4" providerId="AD" clId="Web-{03F034EA-4B61-4C96-9E28-749AFF97B346}" dt="2020-11-23T22:47:13.034" v="301" actId="14100"/>
          <ac:spMkLst>
            <pc:docMk/>
            <pc:sldMk cId="1073331143" sldId="305"/>
            <ac:spMk id="79" creationId="{DD6A0191-DB27-408F-A519-452315AF3D99}"/>
          </ac:spMkLst>
        </pc:spChg>
        <pc:grpChg chg="add del mod">
          <ac:chgData name="Shubham Sanjay Ingole" userId="S::s200092@win.dtu.dk::ec40096c-0047-4d8d-8a90-1675687b99a4" providerId="AD" clId="Web-{03F034EA-4B61-4C96-9E28-749AFF97B346}" dt="2020-11-23T22:36:47.213" v="127"/>
          <ac:grpSpMkLst>
            <pc:docMk/>
            <pc:sldMk cId="1073331143" sldId="305"/>
            <ac:grpSpMk id="76" creationId="{FBC9E077-B2F1-45BF-BF19-18D0345D0D1F}"/>
          </ac:grpSpMkLst>
        </pc:grpChg>
        <pc:grpChg chg="add del mod">
          <ac:chgData name="Shubham Sanjay Ingole" userId="S::s200092@win.dtu.dk::ec40096c-0047-4d8d-8a90-1675687b99a4" providerId="AD" clId="Web-{03F034EA-4B61-4C96-9E28-749AFF97B346}" dt="2020-11-23T22:37:37.995" v="132"/>
          <ac:grpSpMkLst>
            <pc:docMk/>
            <pc:sldMk cId="1073331143" sldId="305"/>
            <ac:grpSpMk id="77" creationId="{BCCE1A10-D1C1-462C-BC3F-9865A3C2C8F9}"/>
          </ac:grpSpMkLst>
        </pc:grpChg>
        <pc:picChg chg="add del mod">
          <ac:chgData name="Shubham Sanjay Ingole" userId="S::s200092@win.dtu.dk::ec40096c-0047-4d8d-8a90-1675687b99a4" providerId="AD" clId="Web-{03F034EA-4B61-4C96-9E28-749AFF97B346}" dt="2020-11-23T22:34:07.602" v="5"/>
          <ac:picMkLst>
            <pc:docMk/>
            <pc:sldMk cId="1073331143" sldId="305"/>
            <ac:picMk id="4" creationId="{656CD3F8-63B6-4F18-B3E9-DE54AED730FD}"/>
          </ac:picMkLst>
        </pc:picChg>
        <pc:cxnChg chg="add mod topLvl">
          <ac:chgData name="Shubham Sanjay Ingole" userId="S::s200092@win.dtu.dk::ec40096c-0047-4d8d-8a90-1675687b99a4" providerId="AD" clId="Web-{03F034EA-4B61-4C96-9E28-749AFF97B346}" dt="2020-11-23T22:37:37.995" v="132"/>
          <ac:cxnSpMkLst>
            <pc:docMk/>
            <pc:sldMk cId="1073331143" sldId="305"/>
            <ac:cxnSpMk id="11" creationId="{FE47EEDE-2539-4411-A5B3-93F4584321AA}"/>
          </ac:cxnSpMkLst>
        </pc:cxnChg>
        <pc:cxnChg chg="add del">
          <ac:chgData name="Shubham Sanjay Ingole" userId="S::s200092@win.dtu.dk::ec40096c-0047-4d8d-8a90-1675687b99a4" providerId="AD" clId="Web-{03F034EA-4B61-4C96-9E28-749AFF97B346}" dt="2020-11-23T22:35:30.463" v="94"/>
          <ac:cxnSpMkLst>
            <pc:docMk/>
            <pc:sldMk cId="1073331143" sldId="305"/>
            <ac:cxnSpMk id="13" creationId="{0D73086F-6FB3-429D-9EFF-0367040834EF}"/>
          </ac:cxnSpMkLst>
        </pc:cxnChg>
        <pc:cxnChg chg="add del">
          <ac:chgData name="Shubham Sanjay Ingole" userId="S::s200092@win.dtu.dk::ec40096c-0047-4d8d-8a90-1675687b99a4" providerId="AD" clId="Web-{03F034EA-4B61-4C96-9E28-749AFF97B346}" dt="2020-11-23T22:36:08.479" v="118"/>
          <ac:cxnSpMkLst>
            <pc:docMk/>
            <pc:sldMk cId="1073331143" sldId="305"/>
            <ac:cxnSpMk id="15" creationId="{89BC02DA-692D-44BB-B3AB-7782CA7BFBA5}"/>
          </ac:cxnSpMkLst>
        </pc:cxnChg>
        <pc:cxnChg chg="add mod topLvl">
          <ac:chgData name="Shubham Sanjay Ingole" userId="S::s200092@win.dtu.dk::ec40096c-0047-4d8d-8a90-1675687b99a4" providerId="AD" clId="Web-{03F034EA-4B61-4C96-9E28-749AFF97B346}" dt="2020-11-23T22:37:37.995" v="132"/>
          <ac:cxnSpMkLst>
            <pc:docMk/>
            <pc:sldMk cId="1073331143" sldId="305"/>
            <ac:cxnSpMk id="19" creationId="{FF99C711-9589-4E3B-82B8-F6FA1099F362}"/>
          </ac:cxnSpMkLst>
        </pc:cxnChg>
        <pc:cxnChg chg="add del">
          <ac:chgData name="Shubham Sanjay Ingole" userId="S::s200092@win.dtu.dk::ec40096c-0047-4d8d-8a90-1675687b99a4" providerId="AD" clId="Web-{03F034EA-4B61-4C96-9E28-749AFF97B346}" dt="2020-11-23T22:35:10.931" v="80"/>
          <ac:cxnSpMkLst>
            <pc:docMk/>
            <pc:sldMk cId="1073331143" sldId="305"/>
            <ac:cxnSpMk id="25" creationId="{1160B9FF-2FA5-404F-91F4-5B22C4A0E08F}"/>
          </ac:cxnSpMkLst>
        </pc:cxnChg>
        <pc:cxnChg chg="add del">
          <ac:chgData name="Shubham Sanjay Ingole" userId="S::s200092@win.dtu.dk::ec40096c-0047-4d8d-8a90-1675687b99a4" providerId="AD" clId="Web-{03F034EA-4B61-4C96-9E28-749AFF97B346}" dt="2020-11-23T22:36:02.510" v="111"/>
          <ac:cxnSpMkLst>
            <pc:docMk/>
            <pc:sldMk cId="1073331143" sldId="305"/>
            <ac:cxnSpMk id="37" creationId="{6B6168B3-13A1-44DE-ADDE-613EBF2DCBF8}"/>
          </ac:cxnSpMkLst>
        </pc:cxnChg>
        <pc:cxnChg chg="add del">
          <ac:chgData name="Shubham Sanjay Ingole" userId="S::s200092@win.dtu.dk::ec40096c-0047-4d8d-8a90-1675687b99a4" providerId="AD" clId="Web-{03F034EA-4B61-4C96-9E28-749AFF97B346}" dt="2020-11-23T22:36:02.510" v="110"/>
          <ac:cxnSpMkLst>
            <pc:docMk/>
            <pc:sldMk cId="1073331143" sldId="305"/>
            <ac:cxnSpMk id="39" creationId="{7B08C5BC-A611-4D08-9917-F714309FE8AB}"/>
          </ac:cxnSpMkLst>
        </pc:cxnChg>
        <pc:cxnChg chg="add del">
          <ac:chgData name="Shubham Sanjay Ingole" userId="S::s200092@win.dtu.dk::ec40096c-0047-4d8d-8a90-1675687b99a4" providerId="AD" clId="Web-{03F034EA-4B61-4C96-9E28-749AFF97B346}" dt="2020-11-23T22:36:02.510" v="109"/>
          <ac:cxnSpMkLst>
            <pc:docMk/>
            <pc:sldMk cId="1073331143" sldId="305"/>
            <ac:cxnSpMk id="41" creationId="{931AC5C1-BBA8-48D3-B452-6D86FA5310B3}"/>
          </ac:cxnSpMkLst>
        </pc:cxnChg>
        <pc:cxnChg chg="add del">
          <ac:chgData name="Shubham Sanjay Ingole" userId="S::s200092@win.dtu.dk::ec40096c-0047-4d8d-8a90-1675687b99a4" providerId="AD" clId="Web-{03F034EA-4B61-4C96-9E28-749AFF97B346}" dt="2020-11-23T22:36:02.510" v="108"/>
          <ac:cxnSpMkLst>
            <pc:docMk/>
            <pc:sldMk cId="1073331143" sldId="305"/>
            <ac:cxnSpMk id="43" creationId="{E8FBAF0A-27E6-42DC-B1AC-A0238050EEAD}"/>
          </ac:cxnSpMkLst>
        </pc:cxnChg>
        <pc:cxnChg chg="add del">
          <ac:chgData name="Shubham Sanjay Ingole" userId="S::s200092@win.dtu.dk::ec40096c-0047-4d8d-8a90-1675687b99a4" providerId="AD" clId="Web-{03F034EA-4B61-4C96-9E28-749AFF97B346}" dt="2020-11-23T22:35:39.916" v="97"/>
          <ac:cxnSpMkLst>
            <pc:docMk/>
            <pc:sldMk cId="1073331143" sldId="305"/>
            <ac:cxnSpMk id="57" creationId="{87682A1E-9D0D-4AF4-848F-162AAA122961}"/>
          </ac:cxnSpMkLst>
        </pc:cxnChg>
        <pc:cxnChg chg="add del">
          <ac:chgData name="Shubham Sanjay Ingole" userId="S::s200092@win.dtu.dk::ec40096c-0047-4d8d-8a90-1675687b99a4" providerId="AD" clId="Web-{03F034EA-4B61-4C96-9E28-749AFF97B346}" dt="2020-11-23T22:35:39.916" v="95"/>
          <ac:cxnSpMkLst>
            <pc:docMk/>
            <pc:sldMk cId="1073331143" sldId="305"/>
            <ac:cxnSpMk id="61" creationId="{1224C0D9-DD57-432B-B2B3-AD232FC51B4D}"/>
          </ac:cxnSpMkLst>
        </pc:cxnChg>
        <pc:cxnChg chg="add del">
          <ac:chgData name="Shubham Sanjay Ingole" userId="S::s200092@win.dtu.dk::ec40096c-0047-4d8d-8a90-1675687b99a4" providerId="AD" clId="Web-{03F034EA-4B61-4C96-9E28-749AFF97B346}" dt="2020-11-23T22:35:10.931" v="79"/>
          <ac:cxnSpMkLst>
            <pc:docMk/>
            <pc:sldMk cId="1073331143" sldId="305"/>
            <ac:cxnSpMk id="63" creationId="{A15FEE8D-4CAC-4C08-B6B4-DCEC966DA7ED}"/>
          </ac:cxnSpMkLst>
        </pc:cxnChg>
        <pc:cxnChg chg="add mod topLvl">
          <ac:chgData name="Shubham Sanjay Ingole" userId="S::s200092@win.dtu.dk::ec40096c-0047-4d8d-8a90-1675687b99a4" providerId="AD" clId="Web-{03F034EA-4B61-4C96-9E28-749AFF97B346}" dt="2020-11-23T22:45:24.486" v="276" actId="1076"/>
          <ac:cxnSpMkLst>
            <pc:docMk/>
            <pc:sldMk cId="1073331143" sldId="305"/>
            <ac:cxnSpMk id="67" creationId="{FB7A91E7-680A-4B5F-98D2-80F9EDBA476A}"/>
          </ac:cxnSpMkLst>
        </pc:cxnChg>
        <pc:cxnChg chg="add del">
          <ac:chgData name="Shubham Sanjay Ingole" userId="S::s200092@win.dtu.dk::ec40096c-0047-4d8d-8a90-1675687b99a4" providerId="AD" clId="Web-{03F034EA-4B61-4C96-9E28-749AFF97B346}" dt="2020-11-23T22:35:10.931" v="76"/>
          <ac:cxnSpMkLst>
            <pc:docMk/>
            <pc:sldMk cId="1073331143" sldId="305"/>
            <ac:cxnSpMk id="71" creationId="{4F590564-1CBF-49E5-B31D-A45C7850571C}"/>
          </ac:cxnSpMkLst>
        </pc:cxnChg>
        <pc:cxnChg chg="add mod">
          <ac:chgData name="Shubham Sanjay Ingole" userId="S::s200092@win.dtu.dk::ec40096c-0047-4d8d-8a90-1675687b99a4" providerId="AD" clId="Web-{03F034EA-4B61-4C96-9E28-749AFF97B346}" dt="2020-11-23T22:46:09.314" v="282" actId="14100"/>
          <ac:cxnSpMkLst>
            <pc:docMk/>
            <pc:sldMk cId="1073331143" sldId="305"/>
            <ac:cxnSpMk id="78" creationId="{9D646C72-0548-429A-B6B5-B1811913CE28}"/>
          </ac:cxnSpMkLst>
        </pc:cxnChg>
      </pc:sldChg>
      <pc:sldChg chg="addSp delSp modSp">
        <pc:chgData name="Shubham Sanjay Ingole" userId="S::s200092@win.dtu.dk::ec40096c-0047-4d8d-8a90-1675687b99a4" providerId="AD" clId="Web-{03F034EA-4B61-4C96-9E28-749AFF97B346}" dt="2020-11-23T22:44:38.016" v="253" actId="1076"/>
        <pc:sldMkLst>
          <pc:docMk/>
          <pc:sldMk cId="4245634019" sldId="306"/>
        </pc:sldMkLst>
        <pc:spChg chg="add del">
          <ac:chgData name="Shubham Sanjay Ingole" userId="S::s200092@win.dtu.dk::ec40096c-0047-4d8d-8a90-1675687b99a4" providerId="AD" clId="Web-{03F034EA-4B61-4C96-9E28-749AFF97B346}" dt="2020-11-23T22:38:58.168" v="168"/>
          <ac:spMkLst>
            <pc:docMk/>
            <pc:sldMk cId="4245634019" sldId="306"/>
            <ac:spMk id="4" creationId="{8D28DD87-7459-41B5-9F30-F7548D989723}"/>
          </ac:spMkLst>
        </pc:spChg>
        <pc:spChg chg="add del">
          <ac:chgData name="Shubham Sanjay Ingole" userId="S::s200092@win.dtu.dk::ec40096c-0047-4d8d-8a90-1675687b99a4" providerId="AD" clId="Web-{03F034EA-4B61-4C96-9E28-749AFF97B346}" dt="2020-11-23T22:38:58.168" v="167"/>
          <ac:spMkLst>
            <pc:docMk/>
            <pc:sldMk cId="4245634019" sldId="306"/>
            <ac:spMk id="6" creationId="{F6AC9A54-3D94-4637-9B14-1A10A79B950B}"/>
          </ac:spMkLst>
        </pc:spChg>
        <pc:spChg chg="add">
          <ac:chgData name="Shubham Sanjay Ingole" userId="S::s200092@win.dtu.dk::ec40096c-0047-4d8d-8a90-1675687b99a4" providerId="AD" clId="Web-{03F034EA-4B61-4C96-9E28-749AFF97B346}" dt="2020-11-23T22:34:51.259" v="46"/>
          <ac:spMkLst>
            <pc:docMk/>
            <pc:sldMk cId="4245634019" sldId="306"/>
            <ac:spMk id="16" creationId="{B452978E-2B59-412D-980E-EF05C337F5D3}"/>
          </ac:spMkLst>
        </pc:spChg>
        <pc:spChg chg="add del">
          <ac:chgData name="Shubham Sanjay Ingole" userId="S::s200092@win.dtu.dk::ec40096c-0047-4d8d-8a90-1675687b99a4" providerId="AD" clId="Web-{03F034EA-4B61-4C96-9E28-749AFF97B346}" dt="2020-11-23T22:39:04.793" v="173"/>
          <ac:spMkLst>
            <pc:docMk/>
            <pc:sldMk cId="4245634019" sldId="306"/>
            <ac:spMk id="20" creationId="{A4C13F2C-E372-48FD-A492-2D12D89D1C58}"/>
          </ac:spMkLst>
        </pc:spChg>
        <pc:spChg chg="add del">
          <ac:chgData name="Shubham Sanjay Ingole" userId="S::s200092@win.dtu.dk::ec40096c-0047-4d8d-8a90-1675687b99a4" providerId="AD" clId="Web-{03F034EA-4B61-4C96-9E28-749AFF97B346}" dt="2020-11-23T22:39:04.793" v="172"/>
          <ac:spMkLst>
            <pc:docMk/>
            <pc:sldMk cId="4245634019" sldId="306"/>
            <ac:spMk id="22" creationId="{E538392C-E90F-46F4-980E-F516B0E5C74F}"/>
          </ac:spMkLst>
        </pc:spChg>
        <pc:spChg chg="add mod">
          <ac:chgData name="Shubham Sanjay Ingole" userId="S::s200092@win.dtu.dk::ec40096c-0047-4d8d-8a90-1675687b99a4" providerId="AD" clId="Web-{03F034EA-4B61-4C96-9E28-749AFF97B346}" dt="2020-11-23T22:43:17.578" v="236" actId="1076"/>
          <ac:spMkLst>
            <pc:docMk/>
            <pc:sldMk cId="4245634019" sldId="306"/>
            <ac:spMk id="26" creationId="{03A1684A-FC50-4FA7-9D83-08A407117B91}"/>
          </ac:spMkLst>
        </pc:spChg>
        <pc:spChg chg="add mod">
          <ac:chgData name="Shubham Sanjay Ingole" userId="S::s200092@win.dtu.dk::ec40096c-0047-4d8d-8a90-1675687b99a4" providerId="AD" clId="Web-{03F034EA-4B61-4C96-9E28-749AFF97B346}" dt="2020-11-23T22:42:11.499" v="223" actId="1076"/>
          <ac:spMkLst>
            <pc:docMk/>
            <pc:sldMk cId="4245634019" sldId="306"/>
            <ac:spMk id="28" creationId="{BCE909B3-E7B8-4ED9-9A6A-D1FD60BD8004}"/>
          </ac:spMkLst>
        </pc:spChg>
        <pc:spChg chg="add mod">
          <ac:chgData name="Shubham Sanjay Ingole" userId="S::s200092@win.dtu.dk::ec40096c-0047-4d8d-8a90-1675687b99a4" providerId="AD" clId="Web-{03F034EA-4B61-4C96-9E28-749AFF97B346}" dt="2020-11-23T22:42:15.609" v="224" actId="1076"/>
          <ac:spMkLst>
            <pc:docMk/>
            <pc:sldMk cId="4245634019" sldId="306"/>
            <ac:spMk id="30" creationId="{F44EB8E2-078B-4CB7-A760-1D1BEB9F5849}"/>
          </ac:spMkLst>
        </pc:spChg>
        <pc:spChg chg="add mod">
          <ac:chgData name="Shubham Sanjay Ingole" userId="S::s200092@win.dtu.dk::ec40096c-0047-4d8d-8a90-1675687b99a4" providerId="AD" clId="Web-{03F034EA-4B61-4C96-9E28-749AFF97B346}" dt="2020-11-23T22:44:05.797" v="246" actId="1076"/>
          <ac:spMkLst>
            <pc:docMk/>
            <pc:sldMk cId="4245634019" sldId="306"/>
            <ac:spMk id="32" creationId="{727F056C-D20B-48DB-8B52-288EAE9E3344}"/>
          </ac:spMkLst>
        </pc:spChg>
        <pc:spChg chg="add mod">
          <ac:chgData name="Shubham Sanjay Ingole" userId="S::s200092@win.dtu.dk::ec40096c-0047-4d8d-8a90-1675687b99a4" providerId="AD" clId="Web-{03F034EA-4B61-4C96-9E28-749AFF97B346}" dt="2020-11-23T22:44:28.563" v="250" actId="1076"/>
          <ac:spMkLst>
            <pc:docMk/>
            <pc:sldMk cId="4245634019" sldId="306"/>
            <ac:spMk id="34" creationId="{4CEDBA12-B7BF-4E7C-9A13-E59DCC938E83}"/>
          </ac:spMkLst>
        </pc:spChg>
        <pc:spChg chg="add mod">
          <ac:chgData name="Shubham Sanjay Ingole" userId="S::s200092@win.dtu.dk::ec40096c-0047-4d8d-8a90-1675687b99a4" providerId="AD" clId="Web-{03F034EA-4B61-4C96-9E28-749AFF97B346}" dt="2020-11-23T22:44:03.125" v="245" actId="1076"/>
          <ac:spMkLst>
            <pc:docMk/>
            <pc:sldMk cId="4245634019" sldId="306"/>
            <ac:spMk id="44" creationId="{F54A324A-B34E-40CE-9288-67F15D150B1C}"/>
          </ac:spMkLst>
        </pc:spChg>
        <pc:spChg chg="add mod">
          <ac:chgData name="Shubham Sanjay Ingole" userId="S::s200092@win.dtu.dk::ec40096c-0047-4d8d-8a90-1675687b99a4" providerId="AD" clId="Web-{03F034EA-4B61-4C96-9E28-749AFF97B346}" dt="2020-11-23T22:43:21.453" v="237" actId="1076"/>
          <ac:spMkLst>
            <pc:docMk/>
            <pc:sldMk cId="4245634019" sldId="306"/>
            <ac:spMk id="46" creationId="{8F352BD8-6D13-40E6-884D-522BFCF65550}"/>
          </ac:spMkLst>
        </pc:spChg>
        <pc:spChg chg="add del">
          <ac:chgData name="Shubham Sanjay Ingole" userId="S::s200092@win.dtu.dk::ec40096c-0047-4d8d-8a90-1675687b99a4" providerId="AD" clId="Web-{03F034EA-4B61-4C96-9E28-749AFF97B346}" dt="2020-11-23T22:38:58.168" v="165"/>
          <ac:spMkLst>
            <pc:docMk/>
            <pc:sldMk cId="4245634019" sldId="306"/>
            <ac:spMk id="48" creationId="{B1F57EA7-7E81-4691-9778-3B822F911A32}"/>
          </ac:spMkLst>
        </pc:spChg>
        <pc:spChg chg="add mod">
          <ac:chgData name="Shubham Sanjay Ingole" userId="S::s200092@win.dtu.dk::ec40096c-0047-4d8d-8a90-1675687b99a4" providerId="AD" clId="Web-{03F034EA-4B61-4C96-9E28-749AFF97B346}" dt="2020-11-23T22:44:38.016" v="253" actId="1076"/>
          <ac:spMkLst>
            <pc:docMk/>
            <pc:sldMk cId="4245634019" sldId="306"/>
            <ac:spMk id="50" creationId="{7C01B6BA-B522-4AD7-BA34-F48B3DBCB5C2}"/>
          </ac:spMkLst>
        </pc:spChg>
        <pc:spChg chg="add del">
          <ac:chgData name="Shubham Sanjay Ingole" userId="S::s200092@win.dtu.dk::ec40096c-0047-4d8d-8a90-1675687b99a4" providerId="AD" clId="Web-{03F034EA-4B61-4C96-9E28-749AFF97B346}" dt="2020-11-23T22:38:58.168" v="164"/>
          <ac:spMkLst>
            <pc:docMk/>
            <pc:sldMk cId="4245634019" sldId="306"/>
            <ac:spMk id="52" creationId="{2145D6EC-E10E-4AB8-9B08-C078884FC6F4}"/>
          </ac:spMkLst>
        </pc:spChg>
        <pc:spChg chg="add del">
          <ac:chgData name="Shubham Sanjay Ingole" userId="S::s200092@win.dtu.dk::ec40096c-0047-4d8d-8a90-1675687b99a4" providerId="AD" clId="Web-{03F034EA-4B61-4C96-9E28-749AFF97B346}" dt="2020-11-23T22:38:58.168" v="163"/>
          <ac:spMkLst>
            <pc:docMk/>
            <pc:sldMk cId="4245634019" sldId="306"/>
            <ac:spMk id="54" creationId="{55A2235A-D8D6-441E-AC57-A308558A8A19}"/>
          </ac:spMkLst>
        </pc:spChg>
        <pc:spChg chg="add del">
          <ac:chgData name="Shubham Sanjay Ingole" userId="S::s200092@win.dtu.dk::ec40096c-0047-4d8d-8a90-1675687b99a4" providerId="AD" clId="Web-{03F034EA-4B61-4C96-9E28-749AFF97B346}" dt="2020-11-23T22:38:58.168" v="161"/>
          <ac:spMkLst>
            <pc:docMk/>
            <pc:sldMk cId="4245634019" sldId="306"/>
            <ac:spMk id="58" creationId="{24E1E8E0-49C4-49BE-9BD9-8A3CAABD3D63}"/>
          </ac:spMkLst>
        </pc:spChg>
        <pc:spChg chg="add del">
          <ac:chgData name="Shubham Sanjay Ingole" userId="S::s200092@win.dtu.dk::ec40096c-0047-4d8d-8a90-1675687b99a4" providerId="AD" clId="Web-{03F034EA-4B61-4C96-9E28-749AFF97B346}" dt="2020-11-23T22:38:58.152" v="158"/>
          <ac:spMkLst>
            <pc:docMk/>
            <pc:sldMk cId="4245634019" sldId="306"/>
            <ac:spMk id="64" creationId="{3DDBDFB8-457D-490B-ADFC-5B2EBED3CBB2}"/>
          </ac:spMkLst>
        </pc:spChg>
        <pc:spChg chg="add del">
          <ac:chgData name="Shubham Sanjay Ingole" userId="S::s200092@win.dtu.dk::ec40096c-0047-4d8d-8a90-1675687b99a4" providerId="AD" clId="Web-{03F034EA-4B61-4C96-9E28-749AFF97B346}" dt="2020-11-23T22:38:58.152" v="157"/>
          <ac:spMkLst>
            <pc:docMk/>
            <pc:sldMk cId="4245634019" sldId="306"/>
            <ac:spMk id="68" creationId="{AD356ADC-E9D8-4328-893A-C7087F9CCB6A}"/>
          </ac:spMkLst>
        </pc:spChg>
        <pc:spChg chg="add del">
          <ac:chgData name="Shubham Sanjay Ingole" userId="S::s200092@win.dtu.dk::ec40096c-0047-4d8d-8a90-1675687b99a4" providerId="AD" clId="Web-{03F034EA-4B61-4C96-9E28-749AFF97B346}" dt="2020-11-23T22:38:58.152" v="155"/>
          <ac:spMkLst>
            <pc:docMk/>
            <pc:sldMk cId="4245634019" sldId="306"/>
            <ac:spMk id="72" creationId="{46ECC8CB-DE50-442B-8CD6-12CC1F620483}"/>
          </ac:spMkLst>
        </pc:spChg>
        <pc:spChg chg="add del">
          <ac:chgData name="Shubham Sanjay Ingole" userId="S::s200092@win.dtu.dk::ec40096c-0047-4d8d-8a90-1675687b99a4" providerId="AD" clId="Web-{03F034EA-4B61-4C96-9E28-749AFF97B346}" dt="2020-11-23T22:39:04.793" v="170"/>
          <ac:spMkLst>
            <pc:docMk/>
            <pc:sldMk cId="4245634019" sldId="306"/>
            <ac:spMk id="74" creationId="{25DECEFF-8C7A-4331-BA90-4BFFD0E9C728}"/>
          </ac:spMkLst>
        </pc:spChg>
        <pc:grpChg chg="add mod">
          <ac:chgData name="Shubham Sanjay Ingole" userId="S::s200092@win.dtu.dk::ec40096c-0047-4d8d-8a90-1675687b99a4" providerId="AD" clId="Web-{03F034EA-4B61-4C96-9E28-749AFF97B346}" dt="2020-11-23T22:42:31.984" v="225" actId="1076"/>
          <ac:grpSpMkLst>
            <pc:docMk/>
            <pc:sldMk cId="4245634019" sldId="306"/>
            <ac:grpSpMk id="75" creationId="{415D7816-86A4-41C7-92C3-D6DA4BA7AF8E}"/>
          </ac:grpSpMkLst>
        </pc:grpChg>
        <pc:cxnChg chg="add mod">
          <ac:chgData name="Shubham Sanjay Ingole" userId="S::s200092@win.dtu.dk::ec40096c-0047-4d8d-8a90-1675687b99a4" providerId="AD" clId="Web-{03F034EA-4B61-4C96-9E28-749AFF97B346}" dt="2020-11-23T22:39:12.543" v="175" actId="14100"/>
          <ac:cxnSpMkLst>
            <pc:docMk/>
            <pc:sldMk cId="4245634019" sldId="306"/>
            <ac:cxnSpMk id="10" creationId="{93D847FB-8F53-4BB6-8FB0-E1DAA20BB7F8}"/>
          </ac:cxnSpMkLst>
        </pc:cxnChg>
        <pc:cxnChg chg="add del">
          <ac:chgData name="Shubham Sanjay Ingole" userId="S::s200092@win.dtu.dk::ec40096c-0047-4d8d-8a90-1675687b99a4" providerId="AD" clId="Web-{03F034EA-4B61-4C96-9E28-749AFF97B346}" dt="2020-11-23T22:39:00.871" v="169"/>
          <ac:cxnSpMkLst>
            <pc:docMk/>
            <pc:sldMk cId="4245634019" sldId="306"/>
            <ac:cxnSpMk id="12" creationId="{F760B390-64FB-4526-BEAC-4B28F23A7822}"/>
          </ac:cxnSpMkLst>
        </pc:cxnChg>
        <pc:cxnChg chg="add">
          <ac:chgData name="Shubham Sanjay Ingole" userId="S::s200092@win.dtu.dk::ec40096c-0047-4d8d-8a90-1675687b99a4" providerId="AD" clId="Web-{03F034EA-4B61-4C96-9E28-749AFF97B346}" dt="2020-11-23T22:34:51.243" v="45"/>
          <ac:cxnSpMkLst>
            <pc:docMk/>
            <pc:sldMk cId="4245634019" sldId="306"/>
            <ac:cxnSpMk id="14" creationId="{B7B74D3E-116F-4F47-BB09-9DA466757116}"/>
          </ac:cxnSpMkLst>
        </pc:cxnChg>
        <pc:cxnChg chg="add del">
          <ac:chgData name="Shubham Sanjay Ingole" userId="S::s200092@win.dtu.dk::ec40096c-0047-4d8d-8a90-1675687b99a4" providerId="AD" clId="Web-{03F034EA-4B61-4C96-9E28-749AFF97B346}" dt="2020-11-23T22:39:06.902" v="174"/>
          <ac:cxnSpMkLst>
            <pc:docMk/>
            <pc:sldMk cId="4245634019" sldId="306"/>
            <ac:cxnSpMk id="18" creationId="{9877B0AB-1718-4039-8E91-15A7530A1EAA}"/>
          </ac:cxnSpMkLst>
        </pc:cxnChg>
        <pc:cxnChg chg="add del">
          <ac:chgData name="Shubham Sanjay Ingole" userId="S::s200092@win.dtu.dk::ec40096c-0047-4d8d-8a90-1675687b99a4" providerId="AD" clId="Web-{03F034EA-4B61-4C96-9E28-749AFF97B346}" dt="2020-11-23T22:38:58.168" v="166"/>
          <ac:cxnSpMkLst>
            <pc:docMk/>
            <pc:sldMk cId="4245634019" sldId="306"/>
            <ac:cxnSpMk id="24" creationId="{081D4344-3EEC-4E73-94AE-9FEA98031FFF}"/>
          </ac:cxnSpMkLst>
        </pc:cxnChg>
        <pc:cxnChg chg="add mod">
          <ac:chgData name="Shubham Sanjay Ingole" userId="S::s200092@win.dtu.dk::ec40096c-0047-4d8d-8a90-1675687b99a4" providerId="AD" clId="Web-{03F034EA-4B61-4C96-9E28-749AFF97B346}" dt="2020-11-23T22:42:07.312" v="222" actId="1076"/>
          <ac:cxnSpMkLst>
            <pc:docMk/>
            <pc:sldMk cId="4245634019" sldId="306"/>
            <ac:cxnSpMk id="36" creationId="{9D5710A9-547E-4CDD-8E6C-E60A6FA4807D}"/>
          </ac:cxnSpMkLst>
        </pc:cxnChg>
        <pc:cxnChg chg="add mod">
          <ac:chgData name="Shubham Sanjay Ingole" userId="S::s200092@win.dtu.dk::ec40096c-0047-4d8d-8a90-1675687b99a4" providerId="AD" clId="Web-{03F034EA-4B61-4C96-9E28-749AFF97B346}" dt="2020-11-23T22:43:58.688" v="244" actId="1076"/>
          <ac:cxnSpMkLst>
            <pc:docMk/>
            <pc:sldMk cId="4245634019" sldId="306"/>
            <ac:cxnSpMk id="38" creationId="{8F31714B-19C1-4784-A6C2-DFA2B1EE8BA7}"/>
          </ac:cxnSpMkLst>
        </pc:cxnChg>
        <pc:cxnChg chg="add mod">
          <ac:chgData name="Shubham Sanjay Ingole" userId="S::s200092@win.dtu.dk::ec40096c-0047-4d8d-8a90-1675687b99a4" providerId="AD" clId="Web-{03F034EA-4B61-4C96-9E28-749AFF97B346}" dt="2020-11-23T22:44:21.751" v="249" actId="1076"/>
          <ac:cxnSpMkLst>
            <pc:docMk/>
            <pc:sldMk cId="4245634019" sldId="306"/>
            <ac:cxnSpMk id="40" creationId="{8A16AC51-8695-43EC-AFEF-F6F6D563A569}"/>
          </ac:cxnSpMkLst>
        </pc:cxnChg>
        <pc:cxnChg chg="add mod">
          <ac:chgData name="Shubham Sanjay Ingole" userId="S::s200092@win.dtu.dk::ec40096c-0047-4d8d-8a90-1675687b99a4" providerId="AD" clId="Web-{03F034EA-4B61-4C96-9E28-749AFF97B346}" dt="2020-11-23T22:43:12.781" v="235" actId="1076"/>
          <ac:cxnSpMkLst>
            <pc:docMk/>
            <pc:sldMk cId="4245634019" sldId="306"/>
            <ac:cxnSpMk id="42" creationId="{A835B5A9-C12A-4A61-9B59-C59BE8239360}"/>
          </ac:cxnSpMkLst>
        </pc:cxnChg>
        <pc:cxnChg chg="add del">
          <ac:chgData name="Shubham Sanjay Ingole" userId="S::s200092@win.dtu.dk::ec40096c-0047-4d8d-8a90-1675687b99a4" providerId="AD" clId="Web-{03F034EA-4B61-4C96-9E28-749AFF97B346}" dt="2020-11-23T22:38:58.168" v="162"/>
          <ac:cxnSpMkLst>
            <pc:docMk/>
            <pc:sldMk cId="4245634019" sldId="306"/>
            <ac:cxnSpMk id="56" creationId="{494CBE56-4543-4EC1-89CD-4939AF3A8709}"/>
          </ac:cxnSpMkLst>
        </pc:cxnChg>
        <pc:cxnChg chg="add del">
          <ac:chgData name="Shubham Sanjay Ingole" userId="S::s200092@win.dtu.dk::ec40096c-0047-4d8d-8a90-1675687b99a4" providerId="AD" clId="Web-{03F034EA-4B61-4C96-9E28-749AFF97B346}" dt="2020-11-23T22:38:58.168" v="160"/>
          <ac:cxnSpMkLst>
            <pc:docMk/>
            <pc:sldMk cId="4245634019" sldId="306"/>
            <ac:cxnSpMk id="60" creationId="{55B8675F-55A9-40C0-819A-E64B77F63FAE}"/>
          </ac:cxnSpMkLst>
        </pc:cxnChg>
        <pc:cxnChg chg="add del">
          <ac:chgData name="Shubham Sanjay Ingole" userId="S::s200092@win.dtu.dk::ec40096c-0047-4d8d-8a90-1675687b99a4" providerId="AD" clId="Web-{03F034EA-4B61-4C96-9E28-749AFF97B346}" dt="2020-11-23T22:38:58.152" v="159"/>
          <ac:cxnSpMkLst>
            <pc:docMk/>
            <pc:sldMk cId="4245634019" sldId="306"/>
            <ac:cxnSpMk id="62" creationId="{958A4E8A-5CD5-49AA-879A-45E17853CF49}"/>
          </ac:cxnSpMkLst>
        </pc:cxnChg>
        <pc:cxnChg chg="add del">
          <ac:chgData name="Shubham Sanjay Ingole" userId="S::s200092@win.dtu.dk::ec40096c-0047-4d8d-8a90-1675687b99a4" providerId="AD" clId="Web-{03F034EA-4B61-4C96-9E28-749AFF97B346}" dt="2020-11-23T22:39:04.793" v="171"/>
          <ac:cxnSpMkLst>
            <pc:docMk/>
            <pc:sldMk cId="4245634019" sldId="306"/>
            <ac:cxnSpMk id="66" creationId="{31DC887A-C695-447A-86D8-01039428BD2F}"/>
          </ac:cxnSpMkLst>
        </pc:cxnChg>
        <pc:cxnChg chg="add del">
          <ac:chgData name="Shubham Sanjay Ingole" userId="S::s200092@win.dtu.dk::ec40096c-0047-4d8d-8a90-1675687b99a4" providerId="AD" clId="Web-{03F034EA-4B61-4C96-9E28-749AFF97B346}" dt="2020-11-23T22:38:58.152" v="156"/>
          <ac:cxnSpMkLst>
            <pc:docMk/>
            <pc:sldMk cId="4245634019" sldId="306"/>
            <ac:cxnSpMk id="70" creationId="{B28A6720-028E-4038-A016-7B54294C41B0}"/>
          </ac:cxnSpMkLst>
        </pc:cxnChg>
      </pc:sldChg>
    </pc:docChg>
  </pc:docChgLst>
  <pc:docChgLst>
    <pc:chgData name="Ameena Butt" userId="S::s153791@win.dtu.dk::3740027a-9852-48ba-8a90-1d771889ae13" providerId="AD" clId="Web-{E70A9AFC-D1DD-4802-94A9-66E9FEDCA099}"/>
    <pc:docChg chg="modSld">
      <pc:chgData name="Ameena Butt" userId="S::s153791@win.dtu.dk::3740027a-9852-48ba-8a90-1d771889ae13" providerId="AD" clId="Web-{E70A9AFC-D1DD-4802-94A9-66E9FEDCA099}" dt="2020-11-14T21:21:57.383" v="3"/>
      <pc:docMkLst>
        <pc:docMk/>
      </pc:docMkLst>
      <pc:sldChg chg="addSp delSp modSp">
        <pc:chgData name="Ameena Butt" userId="S::s153791@win.dtu.dk::3740027a-9852-48ba-8a90-1d771889ae13" providerId="AD" clId="Web-{E70A9AFC-D1DD-4802-94A9-66E9FEDCA099}" dt="2020-11-14T21:21:57.383" v="3"/>
        <pc:sldMkLst>
          <pc:docMk/>
          <pc:sldMk cId="4144805983" sldId="301"/>
        </pc:sldMkLst>
        <pc:picChg chg="add del mod">
          <ac:chgData name="Ameena Butt" userId="S::s153791@win.dtu.dk::3740027a-9852-48ba-8a90-1d771889ae13" providerId="AD" clId="Web-{E70A9AFC-D1DD-4802-94A9-66E9FEDCA099}" dt="2020-11-14T21:21:54.211" v="1"/>
          <ac:picMkLst>
            <pc:docMk/>
            <pc:sldMk cId="4144805983" sldId="301"/>
            <ac:picMk id="4" creationId="{1BC8A452-B9D7-4A0D-9E78-AE0D5FD599A2}"/>
          </ac:picMkLst>
        </pc:picChg>
        <pc:picChg chg="add del mod">
          <ac:chgData name="Ameena Butt" userId="S::s153791@win.dtu.dk::3740027a-9852-48ba-8a90-1d771889ae13" providerId="AD" clId="Web-{E70A9AFC-D1DD-4802-94A9-66E9FEDCA099}" dt="2020-11-14T21:21:57.383" v="3"/>
          <ac:picMkLst>
            <pc:docMk/>
            <pc:sldMk cId="4144805983" sldId="301"/>
            <ac:picMk id="5" creationId="{9DF46EFF-4CC8-4B67-BE97-6736824675ED}"/>
          </ac:picMkLst>
        </pc:picChg>
      </pc:sldChg>
    </pc:docChg>
  </pc:docChgLst>
  <pc:docChgLst>
    <pc:chgData name="Prasad Jagtap" userId="S::s200109@win.dtu.dk::11453833-8954-4db7-bf9d-87af5de79883" providerId="AD" clId="Web-{A4D8DEFD-D900-47AB-B054-753F1104A01A}"/>
    <pc:docChg chg="addSld modSld sldOrd">
      <pc:chgData name="Prasad Jagtap" userId="S::s200109@win.dtu.dk::11453833-8954-4db7-bf9d-87af5de79883" providerId="AD" clId="Web-{A4D8DEFD-D900-47AB-B054-753F1104A01A}" dt="2020-11-20T12:38:47.983" v="79" actId="20577"/>
      <pc:docMkLst>
        <pc:docMk/>
      </pc:docMkLst>
      <pc:sldChg chg="modSp">
        <pc:chgData name="Prasad Jagtap" userId="S::s200109@win.dtu.dk::11453833-8954-4db7-bf9d-87af5de79883" providerId="AD" clId="Web-{A4D8DEFD-D900-47AB-B054-753F1104A01A}" dt="2020-11-20T12:38:47.983" v="78" actId="20577"/>
        <pc:sldMkLst>
          <pc:docMk/>
          <pc:sldMk cId="4144805983" sldId="301"/>
        </pc:sldMkLst>
        <pc:spChg chg="mod">
          <ac:chgData name="Prasad Jagtap" userId="S::s200109@win.dtu.dk::11453833-8954-4db7-bf9d-87af5de79883" providerId="AD" clId="Web-{A4D8DEFD-D900-47AB-B054-753F1104A01A}" dt="2020-11-20T12:38:47.983" v="78" actId="20577"/>
          <ac:spMkLst>
            <pc:docMk/>
            <pc:sldMk cId="4144805983" sldId="301"/>
            <ac:spMk id="81" creationId="{CA3F1054-1EBC-0D4E-8146-56522D5F11A3}"/>
          </ac:spMkLst>
        </pc:spChg>
      </pc:sldChg>
      <pc:sldChg chg="modSp new ord">
        <pc:chgData name="Prasad Jagtap" userId="S::s200109@win.dtu.dk::11453833-8954-4db7-bf9d-87af5de79883" providerId="AD" clId="Web-{A4D8DEFD-D900-47AB-B054-753F1104A01A}" dt="2020-11-20T12:38:26.217" v="73" actId="20577"/>
        <pc:sldMkLst>
          <pc:docMk/>
          <pc:sldMk cId="3229891772" sldId="302"/>
        </pc:sldMkLst>
        <pc:spChg chg="mod">
          <ac:chgData name="Prasad Jagtap" userId="S::s200109@win.dtu.dk::11453833-8954-4db7-bf9d-87af5de79883" providerId="AD" clId="Web-{A4D8DEFD-D900-47AB-B054-753F1104A01A}" dt="2020-11-20T12:37:04.746" v="27" actId="20577"/>
          <ac:spMkLst>
            <pc:docMk/>
            <pc:sldMk cId="3229891772" sldId="302"/>
            <ac:spMk id="2" creationId="{DFAC4A05-D5B5-493B-AC57-9A648A2E743E}"/>
          </ac:spMkLst>
        </pc:spChg>
        <pc:spChg chg="mod">
          <ac:chgData name="Prasad Jagtap" userId="S::s200109@win.dtu.dk::11453833-8954-4db7-bf9d-87af5de79883" providerId="AD" clId="Web-{A4D8DEFD-D900-47AB-B054-753F1104A01A}" dt="2020-11-20T12:38:26.217" v="73" actId="20577"/>
          <ac:spMkLst>
            <pc:docMk/>
            <pc:sldMk cId="3229891772" sldId="302"/>
            <ac:spMk id="3" creationId="{85FF25C4-CD77-4EF5-9C33-05DF77B36B40}"/>
          </ac:spMkLst>
        </pc:spChg>
      </pc:sldChg>
    </pc:docChg>
  </pc:docChgLst>
  <pc:docChgLst>
    <pc:chgData name="Prasad Jagtap" userId="S::s200109@win.dtu.dk::11453833-8954-4db7-bf9d-87af5de79883" providerId="AD" clId="Web-{03609EA5-42DE-4079-ADDC-BCA48A3CB4C6}"/>
    <pc:docChg chg="modSld">
      <pc:chgData name="Prasad Jagtap" userId="S::s200109@win.dtu.dk::11453833-8954-4db7-bf9d-87af5de79883" providerId="AD" clId="Web-{03609EA5-42DE-4079-ADDC-BCA48A3CB4C6}" dt="2020-11-13T22:24:25.414" v="0" actId="1076"/>
      <pc:docMkLst>
        <pc:docMk/>
      </pc:docMkLst>
      <pc:sldChg chg="modSp">
        <pc:chgData name="Prasad Jagtap" userId="S::s200109@win.dtu.dk::11453833-8954-4db7-bf9d-87af5de79883" providerId="AD" clId="Web-{03609EA5-42DE-4079-ADDC-BCA48A3CB4C6}" dt="2020-11-13T22:24:25.414" v="0" actId="1076"/>
        <pc:sldMkLst>
          <pc:docMk/>
          <pc:sldMk cId="1814185581" sldId="303"/>
        </pc:sldMkLst>
        <pc:picChg chg="mod">
          <ac:chgData name="Prasad Jagtap" userId="S::s200109@win.dtu.dk::11453833-8954-4db7-bf9d-87af5de79883" providerId="AD" clId="Web-{03609EA5-42DE-4079-ADDC-BCA48A3CB4C6}" dt="2020-11-13T22:24:25.414" v="0" actId="1076"/>
          <ac:picMkLst>
            <pc:docMk/>
            <pc:sldMk cId="1814185581" sldId="303"/>
            <ac:picMk id="6" creationId="{907D6D1E-CB68-4D74-BEE2-E473EBEBCC5D}"/>
          </ac:picMkLst>
        </pc:picChg>
      </pc:sldChg>
    </pc:docChg>
  </pc:docChgLst>
  <pc:docChgLst>
    <pc:chgData name="Shubham Sanjay Ingole" userId="S::s200092@win.dtu.dk::ec40096c-0047-4d8d-8a90-1675687b99a4" providerId="AD" clId="Web-{0602CE60-C291-4D90-A59E-F5068DB9926D}"/>
    <pc:docChg chg="modSld">
      <pc:chgData name="Shubham Sanjay Ingole" userId="S::s200092@win.dtu.dk::ec40096c-0047-4d8d-8a90-1675687b99a4" providerId="AD" clId="Web-{0602CE60-C291-4D90-A59E-F5068DB9926D}" dt="2020-11-27T11:19:32.124" v="159" actId="20577"/>
      <pc:docMkLst>
        <pc:docMk/>
      </pc:docMkLst>
      <pc:sldChg chg="modSp">
        <pc:chgData name="Shubham Sanjay Ingole" userId="S::s200092@win.dtu.dk::ec40096c-0047-4d8d-8a90-1675687b99a4" providerId="AD" clId="Web-{0602CE60-C291-4D90-A59E-F5068DB9926D}" dt="2020-11-27T10:52:40.030" v="9"/>
        <pc:sldMkLst>
          <pc:docMk/>
          <pc:sldMk cId="2819507123" sldId="297"/>
        </pc:sldMkLst>
        <pc:picChg chg="mod">
          <ac:chgData name="Shubham Sanjay Ingole" userId="S::s200092@win.dtu.dk::ec40096c-0047-4d8d-8a90-1675687b99a4" providerId="AD" clId="Web-{0602CE60-C291-4D90-A59E-F5068DB9926D}" dt="2020-11-27T10:52:02.716" v="8" actId="14100"/>
          <ac:picMkLst>
            <pc:docMk/>
            <pc:sldMk cId="2819507123" sldId="297"/>
            <ac:picMk id="12" creationId="{EEFD158F-5D90-4944-B13B-EBC9D7269E75}"/>
          </ac:picMkLst>
        </pc:picChg>
        <pc:cxnChg chg="mod">
          <ac:chgData name="Shubham Sanjay Ingole" userId="S::s200092@win.dtu.dk::ec40096c-0047-4d8d-8a90-1675687b99a4" providerId="AD" clId="Web-{0602CE60-C291-4D90-A59E-F5068DB9926D}" dt="2020-11-27T10:52:40.030" v="9"/>
          <ac:cxnSpMkLst>
            <pc:docMk/>
            <pc:sldMk cId="2819507123" sldId="297"/>
            <ac:cxnSpMk id="15" creationId="{06C07EF5-075A-4C18-AE54-A752FDC8969C}"/>
          </ac:cxnSpMkLst>
        </pc:cxnChg>
      </pc:sldChg>
      <pc:sldChg chg="delAnim">
        <pc:chgData name="Shubham Sanjay Ingole" userId="S::s200092@win.dtu.dk::ec40096c-0047-4d8d-8a90-1675687b99a4" providerId="AD" clId="Web-{0602CE60-C291-4D90-A59E-F5068DB9926D}" dt="2020-11-27T10:55:55.348" v="36"/>
        <pc:sldMkLst>
          <pc:docMk/>
          <pc:sldMk cId="1977652892" sldId="299"/>
        </pc:sldMkLst>
      </pc:sldChg>
      <pc:sldChg chg="addSp delSp modSp">
        <pc:chgData name="Shubham Sanjay Ingole" userId="S::s200092@win.dtu.dk::ec40096c-0047-4d8d-8a90-1675687b99a4" providerId="AD" clId="Web-{0602CE60-C291-4D90-A59E-F5068DB9926D}" dt="2020-11-27T11:19:32.124" v="159" actId="20577"/>
        <pc:sldMkLst>
          <pc:docMk/>
          <pc:sldMk cId="2424633996" sldId="308"/>
        </pc:sldMkLst>
        <pc:spChg chg="mod">
          <ac:chgData name="Shubham Sanjay Ingole" userId="S::s200092@win.dtu.dk::ec40096c-0047-4d8d-8a90-1675687b99a4" providerId="AD" clId="Web-{0602CE60-C291-4D90-A59E-F5068DB9926D}" dt="2020-11-27T10:54:07.360" v="35" actId="20577"/>
          <ac:spMkLst>
            <pc:docMk/>
            <pc:sldMk cId="2424633996" sldId="308"/>
            <ac:spMk id="3" creationId="{86F37277-9C42-4BD1-927E-7F1962FB1120}"/>
          </ac:spMkLst>
        </pc:spChg>
        <pc:spChg chg="add del mod">
          <ac:chgData name="Shubham Sanjay Ingole" userId="S::s200092@win.dtu.dk::ec40096c-0047-4d8d-8a90-1675687b99a4" providerId="AD" clId="Web-{0602CE60-C291-4D90-A59E-F5068DB9926D}" dt="2020-11-27T10:53:41.953" v="17"/>
          <ac:spMkLst>
            <pc:docMk/>
            <pc:sldMk cId="2424633996" sldId="308"/>
            <ac:spMk id="4" creationId="{510874BE-EC10-4DF6-8240-F9D2371A5861}"/>
          </ac:spMkLst>
        </pc:spChg>
        <pc:spChg chg="mod">
          <ac:chgData name="Shubham Sanjay Ingole" userId="S::s200092@win.dtu.dk::ec40096c-0047-4d8d-8a90-1675687b99a4" providerId="AD" clId="Web-{0602CE60-C291-4D90-A59E-F5068DB9926D}" dt="2020-11-27T11:19:32.124" v="159" actId="20577"/>
          <ac:spMkLst>
            <pc:docMk/>
            <pc:sldMk cId="2424633996" sldId="308"/>
            <ac:spMk id="6" creationId="{2D81EBA2-E79D-4E73-80D8-CA877DCF40C7}"/>
          </ac:spMkLst>
        </pc:spChg>
      </pc:sldChg>
    </pc:docChg>
  </pc:docChgLst>
  <pc:docChgLst>
    <pc:chgData name="Joern Andreas Appelt" userId="S::s202854@win.dtu.dk::98b46129-6d0a-4894-933b-fbbcf2e18e6b" providerId="AD" clId="Web-{4C326A39-1219-4F31-86F1-060E4604D9EA}"/>
    <pc:docChg chg="modSld">
      <pc:chgData name="Joern Andreas Appelt" userId="S::s202854@win.dtu.dk::98b46129-6d0a-4894-933b-fbbcf2e18e6b" providerId="AD" clId="Web-{4C326A39-1219-4F31-86F1-060E4604D9EA}" dt="2020-11-26T17:31:48.166" v="2" actId="1076"/>
      <pc:docMkLst>
        <pc:docMk/>
      </pc:docMkLst>
      <pc:sldChg chg="modSp">
        <pc:chgData name="Joern Andreas Appelt" userId="S::s202854@win.dtu.dk::98b46129-6d0a-4894-933b-fbbcf2e18e6b" providerId="AD" clId="Web-{4C326A39-1219-4F31-86F1-060E4604D9EA}" dt="2020-11-26T17:31:48.166" v="2" actId="1076"/>
        <pc:sldMkLst>
          <pc:docMk/>
          <pc:sldMk cId="4144805983" sldId="301"/>
        </pc:sldMkLst>
        <pc:spChg chg="mod">
          <ac:chgData name="Joern Andreas Appelt" userId="S::s202854@win.dtu.dk::98b46129-6d0a-4894-933b-fbbcf2e18e6b" providerId="AD" clId="Web-{4C326A39-1219-4F31-86F1-060E4604D9EA}" dt="2020-11-26T17:31:48.166" v="2" actId="1076"/>
          <ac:spMkLst>
            <pc:docMk/>
            <pc:sldMk cId="4144805983" sldId="301"/>
            <ac:spMk id="40" creationId="{89C48FD2-A358-0542-A225-E21F6D2B56F2}"/>
          </ac:spMkLst>
        </pc:spChg>
      </pc:sldChg>
    </pc:docChg>
  </pc:docChgLst>
  <pc:docChgLst>
    <pc:chgData name="Ameena Butt" userId="S::s153791@win.dtu.dk::3740027a-9852-48ba-8a90-1d771889ae13" providerId="AD" clId="Web-{EFA1D4A2-119C-4753-80BF-4F64E53BEEFF}"/>
    <pc:docChg chg="modSld">
      <pc:chgData name="Ameena Butt" userId="S::s153791@win.dtu.dk::3740027a-9852-48ba-8a90-1d771889ae13" providerId="AD" clId="Web-{EFA1D4A2-119C-4753-80BF-4F64E53BEEFF}" dt="2020-11-21T11:38:39.062" v="1" actId="1076"/>
      <pc:docMkLst>
        <pc:docMk/>
      </pc:docMkLst>
      <pc:sldChg chg="modSp">
        <pc:chgData name="Ameena Butt" userId="S::s153791@win.dtu.dk::3740027a-9852-48ba-8a90-1d771889ae13" providerId="AD" clId="Web-{EFA1D4A2-119C-4753-80BF-4F64E53BEEFF}" dt="2020-11-21T11:38:39.062" v="1" actId="1076"/>
        <pc:sldMkLst>
          <pc:docMk/>
          <pc:sldMk cId="4144805983" sldId="301"/>
        </pc:sldMkLst>
        <pc:spChg chg="mod">
          <ac:chgData name="Ameena Butt" userId="S::s153791@win.dtu.dk::3740027a-9852-48ba-8a90-1d771889ae13" providerId="AD" clId="Web-{EFA1D4A2-119C-4753-80BF-4F64E53BEEFF}" dt="2020-11-21T11:38:39.062" v="1" actId="1076"/>
          <ac:spMkLst>
            <pc:docMk/>
            <pc:sldMk cId="4144805983" sldId="301"/>
            <ac:spMk id="43" creationId="{ABAD0511-39C9-194A-929C-0CC3E30E56F6}"/>
          </ac:spMkLst>
        </pc:spChg>
      </pc:sldChg>
    </pc:docChg>
  </pc:docChgLst>
  <pc:docChgLst>
    <pc:chgData name="Ameena Butt" userId="S::s153791@win.dtu.dk::3740027a-9852-48ba-8a90-1d771889ae13" providerId="AD" clId="Web-{36182CC9-BE89-45EC-8F41-8EFDE30FD0D3}"/>
    <pc:docChg chg="modSld">
      <pc:chgData name="Ameena Butt" userId="S::s153791@win.dtu.dk::3740027a-9852-48ba-8a90-1d771889ae13" providerId="AD" clId="Web-{36182CC9-BE89-45EC-8F41-8EFDE30FD0D3}" dt="2020-11-26T19:29:39.420" v="55"/>
      <pc:docMkLst>
        <pc:docMk/>
      </pc:docMkLst>
      <pc:sldChg chg="mod modShow">
        <pc:chgData name="Ameena Butt" userId="S::s153791@win.dtu.dk::3740027a-9852-48ba-8a90-1d771889ae13" providerId="AD" clId="Web-{36182CC9-BE89-45EC-8F41-8EFDE30FD0D3}" dt="2020-11-26T19:29:39.420" v="55"/>
        <pc:sldMkLst>
          <pc:docMk/>
          <pc:sldMk cId="1896348887" sldId="294"/>
        </pc:sldMkLst>
      </pc:sldChg>
      <pc:sldChg chg="modSp">
        <pc:chgData name="Ameena Butt" userId="S::s153791@win.dtu.dk::3740027a-9852-48ba-8a90-1d771889ae13" providerId="AD" clId="Web-{36182CC9-BE89-45EC-8F41-8EFDE30FD0D3}" dt="2020-11-26T19:16:11.801" v="54" actId="20577"/>
        <pc:sldMkLst>
          <pc:docMk/>
          <pc:sldMk cId="2819507123" sldId="297"/>
        </pc:sldMkLst>
        <pc:spChg chg="mod">
          <ac:chgData name="Ameena Butt" userId="S::s153791@win.dtu.dk::3740027a-9852-48ba-8a90-1d771889ae13" providerId="AD" clId="Web-{36182CC9-BE89-45EC-8F41-8EFDE30FD0D3}" dt="2020-11-26T19:16:11.801" v="54" actId="20577"/>
          <ac:spMkLst>
            <pc:docMk/>
            <pc:sldMk cId="2819507123" sldId="297"/>
            <ac:spMk id="6" creationId="{2D81EBA2-E79D-4E73-80D8-CA877DCF40C7}"/>
          </ac:spMkLst>
        </pc:spChg>
      </pc:sldChg>
    </pc:docChg>
  </pc:docChgLst>
  <pc:docChgLst>
    <pc:chgData name="Shubham Sanjay Ingole" userId="ec40096c-0047-4d8d-8a90-1675687b99a4" providerId="ADAL" clId="{3B3DE2A4-3133-4D93-A9DC-872EFC8DFD9D}"/>
    <pc:docChg chg="undo custSel addSld delSld modSld sldOrd">
      <pc:chgData name="Shubham Sanjay Ingole" userId="ec40096c-0047-4d8d-8a90-1675687b99a4" providerId="ADAL" clId="{3B3DE2A4-3133-4D93-A9DC-872EFC8DFD9D}" dt="2020-11-27T11:38:16.999" v="489" actId="20578"/>
      <pc:docMkLst>
        <pc:docMk/>
      </pc:docMkLst>
      <pc:sldChg chg="modSp mod">
        <pc:chgData name="Shubham Sanjay Ingole" userId="ec40096c-0047-4d8d-8a90-1675687b99a4" providerId="ADAL" clId="{3B3DE2A4-3133-4D93-A9DC-872EFC8DFD9D}" dt="2020-11-17T22:39:32.045" v="73" actId="20577"/>
        <pc:sldMkLst>
          <pc:docMk/>
          <pc:sldMk cId="2281551063" sldId="257"/>
        </pc:sldMkLst>
        <pc:spChg chg="mod">
          <ac:chgData name="Shubham Sanjay Ingole" userId="ec40096c-0047-4d8d-8a90-1675687b99a4" providerId="ADAL" clId="{3B3DE2A4-3133-4D93-A9DC-872EFC8DFD9D}" dt="2020-11-17T22:39:32.045" v="73" actId="20577"/>
          <ac:spMkLst>
            <pc:docMk/>
            <pc:sldMk cId="2281551063" sldId="257"/>
            <ac:spMk id="24" creationId="{87FA5D03-862D-4AEB-B1B7-09DE69C80038}"/>
          </ac:spMkLst>
        </pc:spChg>
      </pc:sldChg>
      <pc:sldChg chg="modSp mod">
        <pc:chgData name="Shubham Sanjay Ingole" userId="ec40096c-0047-4d8d-8a90-1675687b99a4" providerId="ADAL" clId="{3B3DE2A4-3133-4D93-A9DC-872EFC8DFD9D}" dt="2020-11-27T07:48:18.021" v="401" actId="1076"/>
        <pc:sldMkLst>
          <pc:docMk/>
          <pc:sldMk cId="1639231020" sldId="291"/>
        </pc:sldMkLst>
        <pc:spChg chg="mod">
          <ac:chgData name="Shubham Sanjay Ingole" userId="ec40096c-0047-4d8d-8a90-1675687b99a4" providerId="ADAL" clId="{3B3DE2A4-3133-4D93-A9DC-872EFC8DFD9D}" dt="2020-11-27T07:48:18.021" v="401" actId="1076"/>
          <ac:spMkLst>
            <pc:docMk/>
            <pc:sldMk cId="1639231020" sldId="291"/>
            <ac:spMk id="4" creationId="{6018A5B0-AC41-4AA5-A40C-FBC6D2C55226}"/>
          </ac:spMkLst>
        </pc:spChg>
      </pc:sldChg>
      <pc:sldChg chg="modSp mod addCm modCm">
        <pc:chgData name="Shubham Sanjay Ingole" userId="ec40096c-0047-4d8d-8a90-1675687b99a4" providerId="ADAL" clId="{3B3DE2A4-3133-4D93-A9DC-872EFC8DFD9D}" dt="2020-11-27T07:12:33.290" v="215"/>
        <pc:sldMkLst>
          <pc:docMk/>
          <pc:sldMk cId="1896348887" sldId="294"/>
        </pc:sldMkLst>
        <pc:spChg chg="mod">
          <ac:chgData name="Shubham Sanjay Ingole" userId="ec40096c-0047-4d8d-8a90-1675687b99a4" providerId="ADAL" clId="{3B3DE2A4-3133-4D93-A9DC-872EFC8DFD9D}" dt="2020-11-27T07:12:06.127" v="213" actId="113"/>
          <ac:spMkLst>
            <pc:docMk/>
            <pc:sldMk cId="1896348887" sldId="294"/>
            <ac:spMk id="12" creationId="{A9A65E9A-B262-3A48-8257-5AF81CCB2EFF}"/>
          </ac:spMkLst>
        </pc:spChg>
      </pc:sldChg>
      <pc:sldChg chg="addSp delSp modSp mod modAnim">
        <pc:chgData name="Shubham Sanjay Ingole" userId="ec40096c-0047-4d8d-8a90-1675687b99a4" providerId="ADAL" clId="{3B3DE2A4-3133-4D93-A9DC-872EFC8DFD9D}" dt="2020-11-27T07:57:22.602" v="438"/>
        <pc:sldMkLst>
          <pc:docMk/>
          <pc:sldMk cId="2819507123" sldId="297"/>
        </pc:sldMkLst>
        <pc:spChg chg="del mod">
          <ac:chgData name="Shubham Sanjay Ingole" userId="ec40096c-0047-4d8d-8a90-1675687b99a4" providerId="ADAL" clId="{3B3DE2A4-3133-4D93-A9DC-872EFC8DFD9D}" dt="2020-11-27T07:46:38.529" v="387" actId="478"/>
          <ac:spMkLst>
            <pc:docMk/>
            <pc:sldMk cId="2819507123" sldId="297"/>
            <ac:spMk id="3" creationId="{86F37277-9C42-4BD1-927E-7F1962FB1120}"/>
          </ac:spMkLst>
        </pc:spChg>
        <pc:spChg chg="add del mod">
          <ac:chgData name="Shubham Sanjay Ingole" userId="ec40096c-0047-4d8d-8a90-1675687b99a4" providerId="ADAL" clId="{3B3DE2A4-3133-4D93-A9DC-872EFC8DFD9D}" dt="2020-11-27T07:43:14.417" v="300" actId="21"/>
          <ac:spMkLst>
            <pc:docMk/>
            <pc:sldMk cId="2819507123" sldId="297"/>
            <ac:spMk id="6" creationId="{2D81EBA2-E79D-4E73-80D8-CA877DCF40C7}"/>
          </ac:spMkLst>
        </pc:spChg>
        <pc:spChg chg="add mod">
          <ac:chgData name="Shubham Sanjay Ingole" userId="ec40096c-0047-4d8d-8a90-1675687b99a4" providerId="ADAL" clId="{3B3DE2A4-3133-4D93-A9DC-872EFC8DFD9D}" dt="2020-11-27T07:46:41.500" v="388"/>
          <ac:spMkLst>
            <pc:docMk/>
            <pc:sldMk cId="2819507123" sldId="297"/>
            <ac:spMk id="8" creationId="{D4BE5431-6DC4-43BE-A14B-6F8E343C09FE}"/>
          </ac:spMkLst>
        </pc:spChg>
        <pc:picChg chg="add del mod">
          <ac:chgData name="Shubham Sanjay Ingole" userId="ec40096c-0047-4d8d-8a90-1675687b99a4" providerId="ADAL" clId="{3B3DE2A4-3133-4D93-A9DC-872EFC8DFD9D}" dt="2020-11-27T07:54:02.855" v="406" actId="478"/>
          <ac:picMkLst>
            <pc:docMk/>
            <pc:sldMk cId="2819507123" sldId="297"/>
            <ac:picMk id="7" creationId="{00F6B76D-7158-4228-AA0F-C619715B98D6}"/>
          </ac:picMkLst>
        </pc:picChg>
        <pc:picChg chg="add mod">
          <ac:chgData name="Shubham Sanjay Ingole" userId="ec40096c-0047-4d8d-8a90-1675687b99a4" providerId="ADAL" clId="{3B3DE2A4-3133-4D93-A9DC-872EFC8DFD9D}" dt="2020-11-27T07:54:34.529" v="416" actId="1076"/>
          <ac:picMkLst>
            <pc:docMk/>
            <pc:sldMk cId="2819507123" sldId="297"/>
            <ac:picMk id="10" creationId="{7C43B884-E736-446A-9DD4-F3CA8A7C0F47}"/>
          </ac:picMkLst>
        </pc:picChg>
        <pc:picChg chg="add mod">
          <ac:chgData name="Shubham Sanjay Ingole" userId="ec40096c-0047-4d8d-8a90-1675687b99a4" providerId="ADAL" clId="{3B3DE2A4-3133-4D93-A9DC-872EFC8DFD9D}" dt="2020-11-27T07:56:41.787" v="433" actId="1037"/>
          <ac:picMkLst>
            <pc:docMk/>
            <pc:sldMk cId="2819507123" sldId="297"/>
            <ac:picMk id="12" creationId="{EEFD158F-5D90-4944-B13B-EBC9D7269E75}"/>
          </ac:picMkLst>
        </pc:picChg>
        <pc:picChg chg="add mod">
          <ac:chgData name="Shubham Sanjay Ingole" userId="ec40096c-0047-4d8d-8a90-1675687b99a4" providerId="ADAL" clId="{3B3DE2A4-3133-4D93-A9DC-872EFC8DFD9D}" dt="2020-11-27T07:55:35.719" v="426" actId="1076"/>
          <ac:picMkLst>
            <pc:docMk/>
            <pc:sldMk cId="2819507123" sldId="297"/>
            <ac:picMk id="13" creationId="{1690E6ED-3FBC-4E14-BF45-995A17BD56D8}"/>
          </ac:picMkLst>
        </pc:picChg>
        <pc:cxnChg chg="add mod">
          <ac:chgData name="Shubham Sanjay Ingole" userId="ec40096c-0047-4d8d-8a90-1675687b99a4" providerId="ADAL" clId="{3B3DE2A4-3133-4D93-A9DC-872EFC8DFD9D}" dt="2020-11-27T07:56:45.784" v="434" actId="14100"/>
          <ac:cxnSpMkLst>
            <pc:docMk/>
            <pc:sldMk cId="2819507123" sldId="297"/>
            <ac:cxnSpMk id="15" creationId="{06C07EF5-075A-4C18-AE54-A752FDC8969C}"/>
          </ac:cxnSpMkLst>
        </pc:cxnChg>
      </pc:sldChg>
      <pc:sldChg chg="addSp modSp mod modAnim">
        <pc:chgData name="Shubham Sanjay Ingole" userId="ec40096c-0047-4d8d-8a90-1675687b99a4" providerId="ADAL" clId="{3B3DE2A4-3133-4D93-A9DC-872EFC8DFD9D}" dt="2020-11-27T08:18:12.424" v="487" actId="1076"/>
        <pc:sldMkLst>
          <pc:docMk/>
          <pc:sldMk cId="1977652892" sldId="299"/>
        </pc:sldMkLst>
        <pc:spChg chg="mod">
          <ac:chgData name="Shubham Sanjay Ingole" userId="ec40096c-0047-4d8d-8a90-1675687b99a4" providerId="ADAL" clId="{3B3DE2A4-3133-4D93-A9DC-872EFC8DFD9D}" dt="2020-11-27T08:18:12.424" v="487" actId="1076"/>
          <ac:spMkLst>
            <pc:docMk/>
            <pc:sldMk cId="1977652892" sldId="299"/>
            <ac:spMk id="2" creationId="{D56FE112-B46A-4C3E-B9DB-7DA3952D7192}"/>
          </ac:spMkLst>
        </pc:spChg>
        <pc:spChg chg="add mod">
          <ac:chgData name="Shubham Sanjay Ingole" userId="ec40096c-0047-4d8d-8a90-1675687b99a4" providerId="ADAL" clId="{3B3DE2A4-3133-4D93-A9DC-872EFC8DFD9D}" dt="2020-11-27T08:18:05.896" v="486" actId="1076"/>
          <ac:spMkLst>
            <pc:docMk/>
            <pc:sldMk cId="1977652892" sldId="299"/>
            <ac:spMk id="8" creationId="{BBAA5F7E-9AD4-4F45-BCC0-30D2444075E6}"/>
          </ac:spMkLst>
        </pc:spChg>
        <pc:cxnChg chg="add mod">
          <ac:chgData name="Shubham Sanjay Ingole" userId="ec40096c-0047-4d8d-8a90-1675687b99a4" providerId="ADAL" clId="{3B3DE2A4-3133-4D93-A9DC-872EFC8DFD9D}" dt="2020-11-27T08:17:51.779" v="482" actId="1076"/>
          <ac:cxnSpMkLst>
            <pc:docMk/>
            <pc:sldMk cId="1977652892" sldId="299"/>
            <ac:cxnSpMk id="7" creationId="{EA6A5C82-D651-4ABF-B742-E126B06C1F1C}"/>
          </ac:cxnSpMkLst>
        </pc:cxnChg>
      </pc:sldChg>
      <pc:sldChg chg="modSp mod">
        <pc:chgData name="Shubham Sanjay Ingole" userId="ec40096c-0047-4d8d-8a90-1675687b99a4" providerId="ADAL" clId="{3B3DE2A4-3133-4D93-A9DC-872EFC8DFD9D}" dt="2020-11-23T22:59:10.333" v="158" actId="13822"/>
        <pc:sldMkLst>
          <pc:docMk/>
          <pc:sldMk cId="4144805983" sldId="301"/>
        </pc:sldMkLst>
        <pc:spChg chg="mod">
          <ac:chgData name="Shubham Sanjay Ingole" userId="ec40096c-0047-4d8d-8a90-1675687b99a4" providerId="ADAL" clId="{3B3DE2A4-3133-4D93-A9DC-872EFC8DFD9D}" dt="2020-11-23T22:56:54.828" v="142" actId="1076"/>
          <ac:spMkLst>
            <pc:docMk/>
            <pc:sldMk cId="4144805983" sldId="301"/>
            <ac:spMk id="3" creationId="{86F37277-9C42-4BD1-927E-7F1962FB1120}"/>
          </ac:spMkLst>
        </pc:spChg>
        <pc:spChg chg="mod">
          <ac:chgData name="Shubham Sanjay Ingole" userId="ec40096c-0047-4d8d-8a90-1675687b99a4" providerId="ADAL" clId="{3B3DE2A4-3133-4D93-A9DC-872EFC8DFD9D}" dt="2020-11-23T22:58:37.339" v="154" actId="13822"/>
          <ac:spMkLst>
            <pc:docMk/>
            <pc:sldMk cId="4144805983" sldId="301"/>
            <ac:spMk id="28" creationId="{AFC390C5-BCB5-964D-98A3-48C78598BFEA}"/>
          </ac:spMkLst>
        </pc:spChg>
        <pc:spChg chg="mod">
          <ac:chgData name="Shubham Sanjay Ingole" userId="ec40096c-0047-4d8d-8a90-1675687b99a4" providerId="ADAL" clId="{3B3DE2A4-3133-4D93-A9DC-872EFC8DFD9D}" dt="2020-11-23T22:58:46.637" v="155" actId="13822"/>
          <ac:spMkLst>
            <pc:docMk/>
            <pc:sldMk cId="4144805983" sldId="301"/>
            <ac:spMk id="32" creationId="{0CDC2F05-7F4F-8748-9872-E80E8D327937}"/>
          </ac:spMkLst>
        </pc:spChg>
        <pc:spChg chg="mod">
          <ac:chgData name="Shubham Sanjay Ingole" userId="ec40096c-0047-4d8d-8a90-1675687b99a4" providerId="ADAL" clId="{3B3DE2A4-3133-4D93-A9DC-872EFC8DFD9D}" dt="2020-11-23T22:58:51.523" v="156" actId="13822"/>
          <ac:spMkLst>
            <pc:docMk/>
            <pc:sldMk cId="4144805983" sldId="301"/>
            <ac:spMk id="35" creationId="{78A30820-9ED7-4145-AB7E-4D150E4122CA}"/>
          </ac:spMkLst>
        </pc:spChg>
        <pc:spChg chg="mod">
          <ac:chgData name="Shubham Sanjay Ingole" userId="ec40096c-0047-4d8d-8a90-1675687b99a4" providerId="ADAL" clId="{3B3DE2A4-3133-4D93-A9DC-872EFC8DFD9D}" dt="2020-11-23T22:58:59.839" v="157" actId="13822"/>
          <ac:spMkLst>
            <pc:docMk/>
            <pc:sldMk cId="4144805983" sldId="301"/>
            <ac:spMk id="37" creationId="{1E180605-9875-764E-95BF-A5E3DAA6CDB2}"/>
          </ac:spMkLst>
        </pc:spChg>
        <pc:spChg chg="mod">
          <ac:chgData name="Shubham Sanjay Ingole" userId="ec40096c-0047-4d8d-8a90-1675687b99a4" providerId="ADAL" clId="{3B3DE2A4-3133-4D93-A9DC-872EFC8DFD9D}" dt="2020-11-23T22:59:10.333" v="158" actId="13822"/>
          <ac:spMkLst>
            <pc:docMk/>
            <pc:sldMk cId="4144805983" sldId="301"/>
            <ac:spMk id="39" creationId="{000D1375-0A62-494D-8DB9-81ED80045ACC}"/>
          </ac:spMkLst>
        </pc:spChg>
        <pc:spChg chg="mod">
          <ac:chgData name="Shubham Sanjay Ingole" userId="ec40096c-0047-4d8d-8a90-1675687b99a4" providerId="ADAL" clId="{3B3DE2A4-3133-4D93-A9DC-872EFC8DFD9D}" dt="2020-11-23T22:53:07.116" v="106" actId="1076"/>
          <ac:spMkLst>
            <pc:docMk/>
            <pc:sldMk cId="4144805983" sldId="301"/>
            <ac:spMk id="40" creationId="{89C48FD2-A358-0542-A225-E21F6D2B56F2}"/>
          </ac:spMkLst>
        </pc:spChg>
        <pc:spChg chg="mod">
          <ac:chgData name="Shubham Sanjay Ingole" userId="ec40096c-0047-4d8d-8a90-1675687b99a4" providerId="ADAL" clId="{3B3DE2A4-3133-4D93-A9DC-872EFC8DFD9D}" dt="2020-11-23T22:51:04.941" v="84" actId="14100"/>
          <ac:spMkLst>
            <pc:docMk/>
            <pc:sldMk cId="4144805983" sldId="301"/>
            <ac:spMk id="50" creationId="{D6CA5D1D-81DB-E146-852B-AAAABF96D2D9}"/>
          </ac:spMkLst>
        </pc:spChg>
        <pc:spChg chg="mod">
          <ac:chgData name="Shubham Sanjay Ingole" userId="ec40096c-0047-4d8d-8a90-1675687b99a4" providerId="ADAL" clId="{3B3DE2A4-3133-4D93-A9DC-872EFC8DFD9D}" dt="2020-11-23T22:51:39.707" v="89" actId="1076"/>
          <ac:spMkLst>
            <pc:docMk/>
            <pc:sldMk cId="4144805983" sldId="301"/>
            <ac:spMk id="64" creationId="{2A9040AB-C4D8-E149-A093-AB60476A30B3}"/>
          </ac:spMkLst>
        </pc:spChg>
        <pc:spChg chg="mod">
          <ac:chgData name="Shubham Sanjay Ingole" userId="ec40096c-0047-4d8d-8a90-1675687b99a4" providerId="ADAL" clId="{3B3DE2A4-3133-4D93-A9DC-872EFC8DFD9D}" dt="2020-11-23T22:51:12.374" v="85" actId="12"/>
          <ac:spMkLst>
            <pc:docMk/>
            <pc:sldMk cId="4144805983" sldId="301"/>
            <ac:spMk id="66" creationId="{65B6845B-E842-1841-9347-6E0F2ADE05F8}"/>
          </ac:spMkLst>
        </pc:spChg>
        <pc:spChg chg="mod">
          <ac:chgData name="Shubham Sanjay Ingole" userId="ec40096c-0047-4d8d-8a90-1675687b99a4" providerId="ADAL" clId="{3B3DE2A4-3133-4D93-A9DC-872EFC8DFD9D}" dt="2020-11-23T22:57:31.030" v="146" actId="1076"/>
          <ac:spMkLst>
            <pc:docMk/>
            <pc:sldMk cId="4144805983" sldId="301"/>
            <ac:spMk id="69" creationId="{234E02A0-44FE-074B-981B-A1A74A033B5A}"/>
          </ac:spMkLst>
        </pc:spChg>
        <pc:spChg chg="mod">
          <ac:chgData name="Shubham Sanjay Ingole" userId="ec40096c-0047-4d8d-8a90-1675687b99a4" providerId="ADAL" clId="{3B3DE2A4-3133-4D93-A9DC-872EFC8DFD9D}" dt="2020-11-23T22:51:44.483" v="90" actId="12"/>
          <ac:spMkLst>
            <pc:docMk/>
            <pc:sldMk cId="4144805983" sldId="301"/>
            <ac:spMk id="70" creationId="{B21C7B36-6841-C642-BFDE-0B08B9AF99F2}"/>
          </ac:spMkLst>
        </pc:spChg>
        <pc:spChg chg="mod">
          <ac:chgData name="Shubham Sanjay Ingole" userId="ec40096c-0047-4d8d-8a90-1675687b99a4" providerId="ADAL" clId="{3B3DE2A4-3133-4D93-A9DC-872EFC8DFD9D}" dt="2020-11-23T22:57:41.832" v="147" actId="1076"/>
          <ac:spMkLst>
            <pc:docMk/>
            <pc:sldMk cId="4144805983" sldId="301"/>
            <ac:spMk id="71" creationId="{D39EF7E1-1801-0E48-B532-6FB40024B851}"/>
          </ac:spMkLst>
        </pc:spChg>
        <pc:spChg chg="mod">
          <ac:chgData name="Shubham Sanjay Ingole" userId="ec40096c-0047-4d8d-8a90-1675687b99a4" providerId="ADAL" clId="{3B3DE2A4-3133-4D93-A9DC-872EFC8DFD9D}" dt="2020-11-23T22:57:41.832" v="147" actId="1076"/>
          <ac:spMkLst>
            <pc:docMk/>
            <pc:sldMk cId="4144805983" sldId="301"/>
            <ac:spMk id="72" creationId="{A5BAC920-3E40-024A-A562-72662E2DA217}"/>
          </ac:spMkLst>
        </pc:spChg>
        <pc:spChg chg="mod">
          <ac:chgData name="Shubham Sanjay Ingole" userId="ec40096c-0047-4d8d-8a90-1675687b99a4" providerId="ADAL" clId="{3B3DE2A4-3133-4D93-A9DC-872EFC8DFD9D}" dt="2020-11-23T22:57:31.030" v="146" actId="1076"/>
          <ac:spMkLst>
            <pc:docMk/>
            <pc:sldMk cId="4144805983" sldId="301"/>
            <ac:spMk id="74" creationId="{94E0A9F2-A2B9-6945-A764-45C80F1E72A6}"/>
          </ac:spMkLst>
        </pc:spChg>
        <pc:spChg chg="mod">
          <ac:chgData name="Shubham Sanjay Ingole" userId="ec40096c-0047-4d8d-8a90-1675687b99a4" providerId="ADAL" clId="{3B3DE2A4-3133-4D93-A9DC-872EFC8DFD9D}" dt="2020-11-23T22:52:13.476" v="96" actId="1076"/>
          <ac:spMkLst>
            <pc:docMk/>
            <pc:sldMk cId="4144805983" sldId="301"/>
            <ac:spMk id="81" creationId="{CA3F1054-1EBC-0D4E-8146-56522D5F11A3}"/>
          </ac:spMkLst>
        </pc:spChg>
        <pc:spChg chg="mod">
          <ac:chgData name="Shubham Sanjay Ingole" userId="ec40096c-0047-4d8d-8a90-1675687b99a4" providerId="ADAL" clId="{3B3DE2A4-3133-4D93-A9DC-872EFC8DFD9D}" dt="2020-11-23T22:52:51.582" v="103" actId="1076"/>
          <ac:spMkLst>
            <pc:docMk/>
            <pc:sldMk cId="4144805983" sldId="301"/>
            <ac:spMk id="83" creationId="{023B9FEA-6311-9440-88D8-1F73D231FA34}"/>
          </ac:spMkLst>
        </pc:spChg>
        <pc:spChg chg="mod">
          <ac:chgData name="Shubham Sanjay Ingole" userId="ec40096c-0047-4d8d-8a90-1675687b99a4" providerId="ADAL" clId="{3B3DE2A4-3133-4D93-A9DC-872EFC8DFD9D}" dt="2020-11-23T22:52:41.295" v="100" actId="1076"/>
          <ac:spMkLst>
            <pc:docMk/>
            <pc:sldMk cId="4144805983" sldId="301"/>
            <ac:spMk id="87" creationId="{64B7A019-4B04-2347-8DCB-A8619F3393C7}"/>
          </ac:spMkLst>
        </pc:spChg>
        <pc:spChg chg="mod">
          <ac:chgData name="Shubham Sanjay Ingole" userId="ec40096c-0047-4d8d-8a90-1675687b99a4" providerId="ADAL" clId="{3B3DE2A4-3133-4D93-A9DC-872EFC8DFD9D}" dt="2020-11-23T22:52:32.621" v="98" actId="1076"/>
          <ac:spMkLst>
            <pc:docMk/>
            <pc:sldMk cId="4144805983" sldId="301"/>
            <ac:spMk id="90" creationId="{D803970E-9635-264B-8418-4796B52DCE9F}"/>
          </ac:spMkLst>
        </pc:spChg>
        <pc:spChg chg="mod">
          <ac:chgData name="Shubham Sanjay Ingole" userId="ec40096c-0047-4d8d-8a90-1675687b99a4" providerId="ADAL" clId="{3B3DE2A4-3133-4D93-A9DC-872EFC8DFD9D}" dt="2020-11-23T22:50:52.700" v="81" actId="1076"/>
          <ac:spMkLst>
            <pc:docMk/>
            <pc:sldMk cId="4144805983" sldId="301"/>
            <ac:spMk id="97" creationId="{64B2F49B-465F-124C-9D34-A5915D8F72B7}"/>
          </ac:spMkLst>
        </pc:spChg>
        <pc:cxnChg chg="mod">
          <ac:chgData name="Shubham Sanjay Ingole" userId="ec40096c-0047-4d8d-8a90-1675687b99a4" providerId="ADAL" clId="{3B3DE2A4-3133-4D93-A9DC-872EFC8DFD9D}" dt="2020-11-23T22:57:07.460" v="144" actId="14100"/>
          <ac:cxnSpMkLst>
            <pc:docMk/>
            <pc:sldMk cId="4144805983" sldId="301"/>
            <ac:cxnSpMk id="34" creationId="{D4BE565C-6F7F-4B40-B163-48CD3C971A26}"/>
          </ac:cxnSpMkLst>
        </pc:cxnChg>
        <pc:cxnChg chg="mod">
          <ac:chgData name="Shubham Sanjay Ingole" userId="ec40096c-0047-4d8d-8a90-1675687b99a4" providerId="ADAL" clId="{3B3DE2A4-3133-4D93-A9DC-872EFC8DFD9D}" dt="2020-11-23T22:53:02.481" v="105" actId="1076"/>
          <ac:cxnSpMkLst>
            <pc:docMk/>
            <pc:sldMk cId="4144805983" sldId="301"/>
            <ac:cxnSpMk id="45" creationId="{3A2E34A2-6411-2341-9C9B-29EE1045917F}"/>
          </ac:cxnSpMkLst>
        </pc:cxnChg>
        <pc:cxnChg chg="mod">
          <ac:chgData name="Shubham Sanjay Ingole" userId="ec40096c-0047-4d8d-8a90-1675687b99a4" providerId="ADAL" clId="{3B3DE2A4-3133-4D93-A9DC-872EFC8DFD9D}" dt="2020-11-23T22:57:31.030" v="146" actId="1076"/>
          <ac:cxnSpMkLst>
            <pc:docMk/>
            <pc:sldMk cId="4144805983" sldId="301"/>
            <ac:cxnSpMk id="73" creationId="{3B721ED5-BC5C-DE4A-9152-E9028ABEF99E}"/>
          </ac:cxnSpMkLst>
        </pc:cxnChg>
        <pc:cxnChg chg="mod">
          <ac:chgData name="Shubham Sanjay Ingole" userId="ec40096c-0047-4d8d-8a90-1675687b99a4" providerId="ADAL" clId="{3B3DE2A4-3133-4D93-A9DC-872EFC8DFD9D}" dt="2020-11-23T22:57:41.832" v="147" actId="1076"/>
          <ac:cxnSpMkLst>
            <pc:docMk/>
            <pc:sldMk cId="4144805983" sldId="301"/>
            <ac:cxnSpMk id="76" creationId="{6C378AFC-3C6C-6D4A-81BC-0A8D40C56045}"/>
          </ac:cxnSpMkLst>
        </pc:cxnChg>
        <pc:cxnChg chg="mod">
          <ac:chgData name="Shubham Sanjay Ingole" userId="ec40096c-0047-4d8d-8a90-1675687b99a4" providerId="ADAL" clId="{3B3DE2A4-3133-4D93-A9DC-872EFC8DFD9D}" dt="2020-11-23T22:50:29.300" v="76" actId="14100"/>
          <ac:cxnSpMkLst>
            <pc:docMk/>
            <pc:sldMk cId="4144805983" sldId="301"/>
            <ac:cxnSpMk id="84" creationId="{56FFEDCC-9F70-8D46-874E-23F1F5820090}"/>
          </ac:cxnSpMkLst>
        </pc:cxnChg>
        <pc:cxnChg chg="mod">
          <ac:chgData name="Shubham Sanjay Ingole" userId="ec40096c-0047-4d8d-8a90-1675687b99a4" providerId="ADAL" clId="{3B3DE2A4-3133-4D93-A9DC-872EFC8DFD9D}" dt="2020-11-23T22:52:37.259" v="99" actId="1076"/>
          <ac:cxnSpMkLst>
            <pc:docMk/>
            <pc:sldMk cId="4144805983" sldId="301"/>
            <ac:cxnSpMk id="88" creationId="{E01C0BAA-A069-F040-B78B-F69B7DAE3220}"/>
          </ac:cxnSpMkLst>
        </pc:cxnChg>
      </pc:sldChg>
      <pc:sldChg chg="addSp delSp modSp mod">
        <pc:chgData name="Shubham Sanjay Ingole" userId="ec40096c-0047-4d8d-8a90-1675687b99a4" providerId="ADAL" clId="{3B3DE2A4-3133-4D93-A9DC-872EFC8DFD9D}" dt="2020-11-27T07:50:10.197" v="405" actId="14100"/>
        <pc:sldMkLst>
          <pc:docMk/>
          <pc:sldMk cId="3229891772" sldId="302"/>
        </pc:sldMkLst>
        <pc:spChg chg="mod">
          <ac:chgData name="Shubham Sanjay Ingole" userId="ec40096c-0047-4d8d-8a90-1675687b99a4" providerId="ADAL" clId="{3B3DE2A4-3133-4D93-A9DC-872EFC8DFD9D}" dt="2020-11-27T07:50:10.197" v="405" actId="14100"/>
          <ac:spMkLst>
            <pc:docMk/>
            <pc:sldMk cId="3229891772" sldId="302"/>
            <ac:spMk id="3" creationId="{85FF25C4-CD77-4EF5-9C33-05DF77B36B40}"/>
          </ac:spMkLst>
        </pc:spChg>
        <pc:spChg chg="mod">
          <ac:chgData name="Shubham Sanjay Ingole" userId="ec40096c-0047-4d8d-8a90-1675687b99a4" providerId="ADAL" clId="{3B3DE2A4-3133-4D93-A9DC-872EFC8DFD9D}" dt="2020-11-27T07:45:17.110" v="357" actId="1076"/>
          <ac:spMkLst>
            <pc:docMk/>
            <pc:sldMk cId="3229891772" sldId="302"/>
            <ac:spMk id="6" creationId="{C5C61828-2FCD-4F83-AE68-6DECEA639D33}"/>
          </ac:spMkLst>
        </pc:spChg>
        <pc:spChg chg="mod">
          <ac:chgData name="Shubham Sanjay Ingole" userId="ec40096c-0047-4d8d-8a90-1675687b99a4" providerId="ADAL" clId="{3B3DE2A4-3133-4D93-A9DC-872EFC8DFD9D}" dt="2020-11-27T07:45:17.531" v="359" actId="1076"/>
          <ac:spMkLst>
            <pc:docMk/>
            <pc:sldMk cId="3229891772" sldId="302"/>
            <ac:spMk id="8" creationId="{E2EA807B-76F2-4CBD-8E74-D9123BC72277}"/>
          </ac:spMkLst>
        </pc:spChg>
        <pc:spChg chg="add del mod">
          <ac:chgData name="Shubham Sanjay Ingole" userId="ec40096c-0047-4d8d-8a90-1675687b99a4" providerId="ADAL" clId="{3B3DE2A4-3133-4D93-A9DC-872EFC8DFD9D}" dt="2020-11-27T07:45:15.721" v="351"/>
          <ac:spMkLst>
            <pc:docMk/>
            <pc:sldMk cId="3229891772" sldId="302"/>
            <ac:spMk id="16" creationId="{636C14E4-9D90-40A8-A064-E5B6B03811C0}"/>
          </ac:spMkLst>
        </pc:spChg>
        <pc:spChg chg="mod">
          <ac:chgData name="Shubham Sanjay Ingole" userId="ec40096c-0047-4d8d-8a90-1675687b99a4" providerId="ADAL" clId="{3B3DE2A4-3133-4D93-A9DC-872EFC8DFD9D}" dt="2020-11-27T07:49:59.605" v="403" actId="14100"/>
          <ac:spMkLst>
            <pc:docMk/>
            <pc:sldMk cId="3229891772" sldId="302"/>
            <ac:spMk id="17" creationId="{EF997C5E-DC7B-4922-B6E5-A01ACAE99C66}"/>
          </ac:spMkLst>
        </pc:spChg>
        <pc:spChg chg="mod">
          <ac:chgData name="Shubham Sanjay Ingole" userId="ec40096c-0047-4d8d-8a90-1675687b99a4" providerId="ADAL" clId="{3B3DE2A4-3133-4D93-A9DC-872EFC8DFD9D}" dt="2020-11-27T07:45:16.468" v="354" actId="1076"/>
          <ac:spMkLst>
            <pc:docMk/>
            <pc:sldMk cId="3229891772" sldId="302"/>
            <ac:spMk id="21" creationId="{0053DE70-9568-469E-94A7-A7587E880326}"/>
          </ac:spMkLst>
        </pc:spChg>
        <pc:spChg chg="mod">
          <ac:chgData name="Shubham Sanjay Ingole" userId="ec40096c-0047-4d8d-8a90-1675687b99a4" providerId="ADAL" clId="{3B3DE2A4-3133-4D93-A9DC-872EFC8DFD9D}" dt="2020-11-27T07:49:48.671" v="402" actId="14100"/>
          <ac:spMkLst>
            <pc:docMk/>
            <pc:sldMk cId="3229891772" sldId="302"/>
            <ac:spMk id="22" creationId="{A9F6EF23-8B2D-4ABF-A396-9963887B87E9}"/>
          </ac:spMkLst>
        </pc:spChg>
        <pc:cxnChg chg="mod">
          <ac:chgData name="Shubham Sanjay Ingole" userId="ec40096c-0047-4d8d-8a90-1675687b99a4" providerId="ADAL" clId="{3B3DE2A4-3133-4D93-A9DC-872EFC8DFD9D}" dt="2020-11-27T07:45:17.336" v="358" actId="1076"/>
          <ac:cxnSpMkLst>
            <pc:docMk/>
            <pc:sldMk cId="3229891772" sldId="302"/>
            <ac:cxnSpMk id="18" creationId="{3BDAC876-CAAB-4371-962C-7D5376554C56}"/>
          </ac:cxnSpMkLst>
        </pc:cxnChg>
        <pc:cxnChg chg="mod">
          <ac:chgData name="Shubham Sanjay Ingole" userId="ec40096c-0047-4d8d-8a90-1675687b99a4" providerId="ADAL" clId="{3B3DE2A4-3133-4D93-A9DC-872EFC8DFD9D}" dt="2020-11-27T07:45:16.930" v="356" actId="1076"/>
          <ac:cxnSpMkLst>
            <pc:docMk/>
            <pc:sldMk cId="3229891772" sldId="302"/>
            <ac:cxnSpMk id="19" creationId="{9FB863CD-6FAE-4795-8C9D-C5599B844228}"/>
          </ac:cxnSpMkLst>
        </pc:cxnChg>
      </pc:sldChg>
      <pc:sldChg chg="addSp delSp modSp mod">
        <pc:chgData name="Shubham Sanjay Ingole" userId="ec40096c-0047-4d8d-8a90-1675687b99a4" providerId="ADAL" clId="{3B3DE2A4-3133-4D93-A9DC-872EFC8DFD9D}" dt="2020-11-23T23:03:08.026" v="186" actId="1076"/>
        <pc:sldMkLst>
          <pc:docMk/>
          <pc:sldMk cId="2061120155" sldId="303"/>
        </pc:sldMkLst>
        <pc:spChg chg="add del mod">
          <ac:chgData name="Shubham Sanjay Ingole" userId="ec40096c-0047-4d8d-8a90-1675687b99a4" providerId="ADAL" clId="{3B3DE2A4-3133-4D93-A9DC-872EFC8DFD9D}" dt="2020-11-23T23:00:52.565" v="165" actId="478"/>
          <ac:spMkLst>
            <pc:docMk/>
            <pc:sldMk cId="2061120155" sldId="303"/>
            <ac:spMk id="5" creationId="{26FCECFC-5FC5-49FA-A483-76CD4B851371}"/>
          </ac:spMkLst>
        </pc:spChg>
        <pc:spChg chg="add del mod">
          <ac:chgData name="Shubham Sanjay Ingole" userId="ec40096c-0047-4d8d-8a90-1675687b99a4" providerId="ADAL" clId="{3B3DE2A4-3133-4D93-A9DC-872EFC8DFD9D}" dt="2020-11-23T23:00:52.565" v="165" actId="478"/>
          <ac:spMkLst>
            <pc:docMk/>
            <pc:sldMk cId="2061120155" sldId="303"/>
            <ac:spMk id="6" creationId="{959BA8C2-38AF-4D41-9853-401CFE614054}"/>
          </ac:spMkLst>
        </pc:spChg>
        <pc:spChg chg="add mod">
          <ac:chgData name="Shubham Sanjay Ingole" userId="ec40096c-0047-4d8d-8a90-1675687b99a4" providerId="ADAL" clId="{3B3DE2A4-3133-4D93-A9DC-872EFC8DFD9D}" dt="2020-11-23T23:02:18.986" v="178" actId="164"/>
          <ac:spMkLst>
            <pc:docMk/>
            <pc:sldMk cId="2061120155" sldId="303"/>
            <ac:spMk id="8" creationId="{0566FC97-5F27-4CE2-BC66-8BB61541E2C2}"/>
          </ac:spMkLst>
        </pc:spChg>
        <pc:spChg chg="add del mod">
          <ac:chgData name="Shubham Sanjay Ingole" userId="ec40096c-0047-4d8d-8a90-1675687b99a4" providerId="ADAL" clId="{3B3DE2A4-3133-4D93-A9DC-872EFC8DFD9D}" dt="2020-11-23T23:00:52.565" v="165" actId="478"/>
          <ac:spMkLst>
            <pc:docMk/>
            <pc:sldMk cId="2061120155" sldId="303"/>
            <ac:spMk id="11" creationId="{A19B0E3E-F6A7-40FC-B86C-CAFB366D5DD7}"/>
          </ac:spMkLst>
        </pc:spChg>
        <pc:spChg chg="add mod">
          <ac:chgData name="Shubham Sanjay Ingole" userId="ec40096c-0047-4d8d-8a90-1675687b99a4" providerId="ADAL" clId="{3B3DE2A4-3133-4D93-A9DC-872EFC8DFD9D}" dt="2020-11-23T23:02:18.986" v="178" actId="164"/>
          <ac:spMkLst>
            <pc:docMk/>
            <pc:sldMk cId="2061120155" sldId="303"/>
            <ac:spMk id="13" creationId="{703409F5-EF68-4275-8B2C-6C510D4D198B}"/>
          </ac:spMkLst>
        </pc:spChg>
        <pc:spChg chg="add del mod">
          <ac:chgData name="Shubham Sanjay Ingole" userId="ec40096c-0047-4d8d-8a90-1675687b99a4" providerId="ADAL" clId="{3B3DE2A4-3133-4D93-A9DC-872EFC8DFD9D}" dt="2020-11-23T23:00:45.855" v="164" actId="478"/>
          <ac:spMkLst>
            <pc:docMk/>
            <pc:sldMk cId="2061120155" sldId="303"/>
            <ac:spMk id="14" creationId="{48961458-6DB4-4C82-AC05-1BBD48E946A7}"/>
          </ac:spMkLst>
        </pc:spChg>
        <pc:spChg chg="add del mod">
          <ac:chgData name="Shubham Sanjay Ingole" userId="ec40096c-0047-4d8d-8a90-1675687b99a4" providerId="ADAL" clId="{3B3DE2A4-3133-4D93-A9DC-872EFC8DFD9D}" dt="2020-11-23T23:00:52.565" v="165" actId="478"/>
          <ac:spMkLst>
            <pc:docMk/>
            <pc:sldMk cId="2061120155" sldId="303"/>
            <ac:spMk id="15" creationId="{53D7C52C-9205-4FAA-BE3A-B51417BC60B8}"/>
          </ac:spMkLst>
        </pc:spChg>
        <pc:spChg chg="add del mod">
          <ac:chgData name="Shubham Sanjay Ingole" userId="ec40096c-0047-4d8d-8a90-1675687b99a4" providerId="ADAL" clId="{3B3DE2A4-3133-4D93-A9DC-872EFC8DFD9D}" dt="2020-11-23T23:00:45.855" v="164" actId="478"/>
          <ac:spMkLst>
            <pc:docMk/>
            <pc:sldMk cId="2061120155" sldId="303"/>
            <ac:spMk id="17" creationId="{01987C96-1600-4D2A-940C-DA8A4353F37C}"/>
          </ac:spMkLst>
        </pc:spChg>
        <pc:spChg chg="add mod">
          <ac:chgData name="Shubham Sanjay Ingole" userId="ec40096c-0047-4d8d-8a90-1675687b99a4" providerId="ADAL" clId="{3B3DE2A4-3133-4D93-A9DC-872EFC8DFD9D}" dt="2020-11-23T23:02:43.746" v="182" actId="255"/>
          <ac:spMkLst>
            <pc:docMk/>
            <pc:sldMk cId="2061120155" sldId="303"/>
            <ac:spMk id="19" creationId="{0B6AE0F2-AE8E-4E97-8509-0BAA1054C8C5}"/>
          </ac:spMkLst>
        </pc:spChg>
        <pc:spChg chg="add mod">
          <ac:chgData name="Shubham Sanjay Ingole" userId="ec40096c-0047-4d8d-8a90-1675687b99a4" providerId="ADAL" clId="{3B3DE2A4-3133-4D93-A9DC-872EFC8DFD9D}" dt="2020-11-23T23:02:51.431" v="183" actId="255"/>
          <ac:spMkLst>
            <pc:docMk/>
            <pc:sldMk cId="2061120155" sldId="303"/>
            <ac:spMk id="20" creationId="{589E1187-2105-4C6D-8D62-D09E3A319DC3}"/>
          </ac:spMkLst>
        </pc:spChg>
        <pc:spChg chg="add mod">
          <ac:chgData name="Shubham Sanjay Ingole" userId="ec40096c-0047-4d8d-8a90-1675687b99a4" providerId="ADAL" clId="{3B3DE2A4-3133-4D93-A9DC-872EFC8DFD9D}" dt="2020-11-23T23:03:03.383" v="185" actId="1076"/>
          <ac:spMkLst>
            <pc:docMk/>
            <pc:sldMk cId="2061120155" sldId="303"/>
            <ac:spMk id="21" creationId="{51C56E71-3AED-45D4-A0F8-25B7188ECD12}"/>
          </ac:spMkLst>
        </pc:spChg>
        <pc:spChg chg="add mod">
          <ac:chgData name="Shubham Sanjay Ingole" userId="ec40096c-0047-4d8d-8a90-1675687b99a4" providerId="ADAL" clId="{3B3DE2A4-3133-4D93-A9DC-872EFC8DFD9D}" dt="2020-11-23T23:03:08.026" v="186" actId="1076"/>
          <ac:spMkLst>
            <pc:docMk/>
            <pc:sldMk cId="2061120155" sldId="303"/>
            <ac:spMk id="23" creationId="{F6DF5E6A-30D2-41AF-AC18-8609D494A48C}"/>
          </ac:spMkLst>
        </pc:spChg>
        <pc:spChg chg="add del mod">
          <ac:chgData name="Shubham Sanjay Ingole" userId="ec40096c-0047-4d8d-8a90-1675687b99a4" providerId="ADAL" clId="{3B3DE2A4-3133-4D93-A9DC-872EFC8DFD9D}" dt="2020-11-23T23:00:52.565" v="165" actId="478"/>
          <ac:spMkLst>
            <pc:docMk/>
            <pc:sldMk cId="2061120155" sldId="303"/>
            <ac:spMk id="26" creationId="{D7274A5B-EC42-43E2-A62B-36F23E8255D4}"/>
          </ac:spMkLst>
        </pc:spChg>
        <pc:spChg chg="add del mod">
          <ac:chgData name="Shubham Sanjay Ingole" userId="ec40096c-0047-4d8d-8a90-1675687b99a4" providerId="ADAL" clId="{3B3DE2A4-3133-4D93-A9DC-872EFC8DFD9D}" dt="2020-11-23T23:00:52.565" v="165" actId="478"/>
          <ac:spMkLst>
            <pc:docMk/>
            <pc:sldMk cId="2061120155" sldId="303"/>
            <ac:spMk id="28" creationId="{BA147D9A-55AD-4173-974A-0EE30E1CF3AA}"/>
          </ac:spMkLst>
        </pc:spChg>
        <pc:spChg chg="add del mod">
          <ac:chgData name="Shubham Sanjay Ingole" userId="ec40096c-0047-4d8d-8a90-1675687b99a4" providerId="ADAL" clId="{3B3DE2A4-3133-4D93-A9DC-872EFC8DFD9D}" dt="2020-11-23T23:00:58.407" v="166" actId="478"/>
          <ac:spMkLst>
            <pc:docMk/>
            <pc:sldMk cId="2061120155" sldId="303"/>
            <ac:spMk id="30" creationId="{927814CE-ACCA-46CC-B411-5D2963810F4A}"/>
          </ac:spMkLst>
        </pc:spChg>
        <pc:grpChg chg="add mod">
          <ac:chgData name="Shubham Sanjay Ingole" userId="ec40096c-0047-4d8d-8a90-1675687b99a4" providerId="ADAL" clId="{3B3DE2A4-3133-4D93-A9DC-872EFC8DFD9D}" dt="2020-11-23T23:02:30.507" v="180" actId="1076"/>
          <ac:grpSpMkLst>
            <pc:docMk/>
            <pc:sldMk cId="2061120155" sldId="303"/>
            <ac:grpSpMk id="31" creationId="{C49138BD-ABE2-400D-82CF-49F419C6E288}"/>
          </ac:grpSpMkLst>
        </pc:grpChg>
        <pc:cxnChg chg="add mod">
          <ac:chgData name="Shubham Sanjay Ingole" userId="ec40096c-0047-4d8d-8a90-1675687b99a4" providerId="ADAL" clId="{3B3DE2A4-3133-4D93-A9DC-872EFC8DFD9D}" dt="2020-11-23T23:02:18.986" v="178" actId="164"/>
          <ac:cxnSpMkLst>
            <pc:docMk/>
            <pc:sldMk cId="2061120155" sldId="303"/>
            <ac:cxnSpMk id="9" creationId="{19CAAC26-C910-40CC-B607-445F2BA693A8}"/>
          </ac:cxnSpMkLst>
        </pc:cxnChg>
        <pc:cxnChg chg="add del mod">
          <ac:chgData name="Shubham Sanjay Ingole" userId="ec40096c-0047-4d8d-8a90-1675687b99a4" providerId="ADAL" clId="{3B3DE2A4-3133-4D93-A9DC-872EFC8DFD9D}" dt="2020-11-23T23:01:00.157" v="167" actId="478"/>
          <ac:cxnSpMkLst>
            <pc:docMk/>
            <pc:sldMk cId="2061120155" sldId="303"/>
            <ac:cxnSpMk id="10" creationId="{279A9E85-F6F0-4BA8-BC98-4E64DD75F6AA}"/>
          </ac:cxnSpMkLst>
        </pc:cxnChg>
        <pc:cxnChg chg="add mod">
          <ac:chgData name="Shubham Sanjay Ingole" userId="ec40096c-0047-4d8d-8a90-1675687b99a4" providerId="ADAL" clId="{3B3DE2A4-3133-4D93-A9DC-872EFC8DFD9D}" dt="2020-11-23T23:02:18.986" v="178" actId="164"/>
          <ac:cxnSpMkLst>
            <pc:docMk/>
            <pc:sldMk cId="2061120155" sldId="303"/>
            <ac:cxnSpMk id="12" creationId="{109CA74B-71C6-40A4-A3D9-DF7011E803C3}"/>
          </ac:cxnSpMkLst>
        </pc:cxnChg>
        <pc:cxnChg chg="add del mod">
          <ac:chgData name="Shubham Sanjay Ingole" userId="ec40096c-0047-4d8d-8a90-1675687b99a4" providerId="ADAL" clId="{3B3DE2A4-3133-4D93-A9DC-872EFC8DFD9D}" dt="2020-11-23T23:00:52.565" v="165" actId="478"/>
          <ac:cxnSpMkLst>
            <pc:docMk/>
            <pc:sldMk cId="2061120155" sldId="303"/>
            <ac:cxnSpMk id="16" creationId="{96C20546-1163-42CF-B14F-E2454E23D3D8}"/>
          </ac:cxnSpMkLst>
        </pc:cxnChg>
        <pc:cxnChg chg="add del mod">
          <ac:chgData name="Shubham Sanjay Ingole" userId="ec40096c-0047-4d8d-8a90-1675687b99a4" providerId="ADAL" clId="{3B3DE2A4-3133-4D93-A9DC-872EFC8DFD9D}" dt="2020-11-23T23:00:45.855" v="164" actId="478"/>
          <ac:cxnSpMkLst>
            <pc:docMk/>
            <pc:sldMk cId="2061120155" sldId="303"/>
            <ac:cxnSpMk id="18" creationId="{5020B30E-DDFE-44C2-B1E2-397E331E8A8B}"/>
          </ac:cxnSpMkLst>
        </pc:cxnChg>
        <pc:cxnChg chg="add mod">
          <ac:chgData name="Shubham Sanjay Ingole" userId="ec40096c-0047-4d8d-8a90-1675687b99a4" providerId="ADAL" clId="{3B3DE2A4-3133-4D93-A9DC-872EFC8DFD9D}" dt="2020-11-23T23:02:18.986" v="178" actId="164"/>
          <ac:cxnSpMkLst>
            <pc:docMk/>
            <pc:sldMk cId="2061120155" sldId="303"/>
            <ac:cxnSpMk id="22" creationId="{1C8CF138-62BC-41FF-B572-DA7AD5727F37}"/>
          </ac:cxnSpMkLst>
        </pc:cxnChg>
        <pc:cxnChg chg="add mod">
          <ac:chgData name="Shubham Sanjay Ingole" userId="ec40096c-0047-4d8d-8a90-1675687b99a4" providerId="ADAL" clId="{3B3DE2A4-3133-4D93-A9DC-872EFC8DFD9D}" dt="2020-11-23T23:02:18.986" v="178" actId="164"/>
          <ac:cxnSpMkLst>
            <pc:docMk/>
            <pc:sldMk cId="2061120155" sldId="303"/>
            <ac:cxnSpMk id="24" creationId="{39C23AA6-48B3-4952-8641-2823B5654971}"/>
          </ac:cxnSpMkLst>
        </pc:cxnChg>
        <pc:cxnChg chg="add del mod">
          <ac:chgData name="Shubham Sanjay Ingole" userId="ec40096c-0047-4d8d-8a90-1675687b99a4" providerId="ADAL" clId="{3B3DE2A4-3133-4D93-A9DC-872EFC8DFD9D}" dt="2020-11-23T23:00:52.565" v="165" actId="478"/>
          <ac:cxnSpMkLst>
            <pc:docMk/>
            <pc:sldMk cId="2061120155" sldId="303"/>
            <ac:cxnSpMk id="25" creationId="{B6003E1C-D51D-4378-ADB1-77DBAA4FD114}"/>
          </ac:cxnSpMkLst>
        </pc:cxnChg>
        <pc:cxnChg chg="add del mod">
          <ac:chgData name="Shubham Sanjay Ingole" userId="ec40096c-0047-4d8d-8a90-1675687b99a4" providerId="ADAL" clId="{3B3DE2A4-3133-4D93-A9DC-872EFC8DFD9D}" dt="2020-11-23T23:00:45.855" v="164" actId="478"/>
          <ac:cxnSpMkLst>
            <pc:docMk/>
            <pc:sldMk cId="2061120155" sldId="303"/>
            <ac:cxnSpMk id="27" creationId="{6B6BF856-E8BC-4474-B5FC-1313237F21A4}"/>
          </ac:cxnSpMkLst>
        </pc:cxnChg>
        <pc:cxnChg chg="add del mod">
          <ac:chgData name="Shubham Sanjay Ingole" userId="ec40096c-0047-4d8d-8a90-1675687b99a4" providerId="ADAL" clId="{3B3DE2A4-3133-4D93-A9DC-872EFC8DFD9D}" dt="2020-11-23T23:00:52.565" v="165" actId="478"/>
          <ac:cxnSpMkLst>
            <pc:docMk/>
            <pc:sldMk cId="2061120155" sldId="303"/>
            <ac:cxnSpMk id="29" creationId="{37954180-106F-4BE7-BF2D-9D8DF3541D07}"/>
          </ac:cxnSpMkLst>
        </pc:cxnChg>
      </pc:sldChg>
      <pc:sldChg chg="addSp delSp modSp mod modAnim">
        <pc:chgData name="Shubham Sanjay Ingole" userId="ec40096c-0047-4d8d-8a90-1675687b99a4" providerId="ADAL" clId="{3B3DE2A4-3133-4D93-A9DC-872EFC8DFD9D}" dt="2020-11-23T23:05:23.645" v="208"/>
        <pc:sldMkLst>
          <pc:docMk/>
          <pc:sldMk cId="3041848815" sldId="304"/>
        </pc:sldMkLst>
        <pc:spChg chg="add mod">
          <ac:chgData name="Shubham Sanjay Ingole" userId="ec40096c-0047-4d8d-8a90-1675687b99a4" providerId="ADAL" clId="{3B3DE2A4-3133-4D93-A9DC-872EFC8DFD9D}" dt="2020-11-23T23:04:36.644" v="202" actId="1076"/>
          <ac:spMkLst>
            <pc:docMk/>
            <pc:sldMk cId="3041848815" sldId="304"/>
            <ac:spMk id="5" creationId="{4B17F9AD-FC19-460C-B6A6-4D9549AF3E20}"/>
          </ac:spMkLst>
        </pc:spChg>
        <pc:spChg chg="add mod">
          <ac:chgData name="Shubham Sanjay Ingole" userId="ec40096c-0047-4d8d-8a90-1675687b99a4" providerId="ADAL" clId="{3B3DE2A4-3133-4D93-A9DC-872EFC8DFD9D}" dt="2020-11-23T23:04:32.387" v="201" actId="1076"/>
          <ac:spMkLst>
            <pc:docMk/>
            <pc:sldMk cId="3041848815" sldId="304"/>
            <ac:spMk id="6" creationId="{AE276298-70A4-4211-B429-9447121CE07D}"/>
          </ac:spMkLst>
        </pc:spChg>
        <pc:spChg chg="add mod">
          <ac:chgData name="Shubham Sanjay Ingole" userId="ec40096c-0047-4d8d-8a90-1675687b99a4" providerId="ADAL" clId="{3B3DE2A4-3133-4D93-A9DC-872EFC8DFD9D}" dt="2020-11-23T23:03:37.831" v="190" actId="164"/>
          <ac:spMkLst>
            <pc:docMk/>
            <pc:sldMk cId="3041848815" sldId="304"/>
            <ac:spMk id="8" creationId="{989A579D-5181-4E3B-ACFF-ACA6940A888A}"/>
          </ac:spMkLst>
        </pc:spChg>
        <pc:spChg chg="add mod">
          <ac:chgData name="Shubham Sanjay Ingole" userId="ec40096c-0047-4d8d-8a90-1675687b99a4" providerId="ADAL" clId="{3B3DE2A4-3133-4D93-A9DC-872EFC8DFD9D}" dt="2020-11-23T23:03:37.831" v="190" actId="164"/>
          <ac:spMkLst>
            <pc:docMk/>
            <pc:sldMk cId="3041848815" sldId="304"/>
            <ac:spMk id="11" creationId="{53C66A85-BDCF-4D3F-A2CF-9F67C5A0FB0A}"/>
          </ac:spMkLst>
        </pc:spChg>
        <pc:spChg chg="add del mod">
          <ac:chgData name="Shubham Sanjay Ingole" userId="ec40096c-0047-4d8d-8a90-1675687b99a4" providerId="ADAL" clId="{3B3DE2A4-3133-4D93-A9DC-872EFC8DFD9D}" dt="2020-11-23T23:03:22.604" v="188" actId="478"/>
          <ac:spMkLst>
            <pc:docMk/>
            <pc:sldMk cId="3041848815" sldId="304"/>
            <ac:spMk id="13" creationId="{D7835315-3332-4386-9AF2-73F08CE39A99}"/>
          </ac:spMkLst>
        </pc:spChg>
        <pc:spChg chg="add del mod">
          <ac:chgData name="Shubham Sanjay Ingole" userId="ec40096c-0047-4d8d-8a90-1675687b99a4" providerId="ADAL" clId="{3B3DE2A4-3133-4D93-A9DC-872EFC8DFD9D}" dt="2020-11-23T23:03:17.560" v="187" actId="478"/>
          <ac:spMkLst>
            <pc:docMk/>
            <pc:sldMk cId="3041848815" sldId="304"/>
            <ac:spMk id="14" creationId="{27A0E56B-354D-4787-A5CB-8093724D8DB2}"/>
          </ac:spMkLst>
        </pc:spChg>
        <pc:spChg chg="add mod">
          <ac:chgData name="Shubham Sanjay Ingole" userId="ec40096c-0047-4d8d-8a90-1675687b99a4" providerId="ADAL" clId="{3B3DE2A4-3133-4D93-A9DC-872EFC8DFD9D}" dt="2020-11-23T23:04:18.276" v="198" actId="1076"/>
          <ac:spMkLst>
            <pc:docMk/>
            <pc:sldMk cId="3041848815" sldId="304"/>
            <ac:spMk id="15" creationId="{B003A60C-BE94-43E7-9886-85230826FB29}"/>
          </ac:spMkLst>
        </pc:spChg>
        <pc:spChg chg="add del mod">
          <ac:chgData name="Shubham Sanjay Ingole" userId="ec40096c-0047-4d8d-8a90-1675687b99a4" providerId="ADAL" clId="{3B3DE2A4-3133-4D93-A9DC-872EFC8DFD9D}" dt="2020-11-23T23:03:17.560" v="187" actId="478"/>
          <ac:spMkLst>
            <pc:docMk/>
            <pc:sldMk cId="3041848815" sldId="304"/>
            <ac:spMk id="17" creationId="{53CE15D9-D826-44F2-8A9C-715C6C0D308F}"/>
          </ac:spMkLst>
        </pc:spChg>
        <pc:spChg chg="add del mod">
          <ac:chgData name="Shubham Sanjay Ingole" userId="ec40096c-0047-4d8d-8a90-1675687b99a4" providerId="ADAL" clId="{3B3DE2A4-3133-4D93-A9DC-872EFC8DFD9D}" dt="2020-11-23T23:03:22.604" v="188" actId="478"/>
          <ac:spMkLst>
            <pc:docMk/>
            <pc:sldMk cId="3041848815" sldId="304"/>
            <ac:spMk id="19" creationId="{B82EE854-B05F-4E2B-B664-23F47C253563}"/>
          </ac:spMkLst>
        </pc:spChg>
        <pc:spChg chg="add del mod">
          <ac:chgData name="Shubham Sanjay Ingole" userId="ec40096c-0047-4d8d-8a90-1675687b99a4" providerId="ADAL" clId="{3B3DE2A4-3133-4D93-A9DC-872EFC8DFD9D}" dt="2020-11-23T23:03:22.604" v="188" actId="478"/>
          <ac:spMkLst>
            <pc:docMk/>
            <pc:sldMk cId="3041848815" sldId="304"/>
            <ac:spMk id="20" creationId="{76F72E31-0958-4728-98B3-706AB1293DE8}"/>
          </ac:spMkLst>
        </pc:spChg>
        <pc:spChg chg="add del mod">
          <ac:chgData name="Shubham Sanjay Ingole" userId="ec40096c-0047-4d8d-8a90-1675687b99a4" providerId="ADAL" clId="{3B3DE2A4-3133-4D93-A9DC-872EFC8DFD9D}" dt="2020-11-23T23:03:22.604" v="188" actId="478"/>
          <ac:spMkLst>
            <pc:docMk/>
            <pc:sldMk cId="3041848815" sldId="304"/>
            <ac:spMk id="21" creationId="{DED40A36-78C1-4D6F-B2E0-C30D7E8DB5E7}"/>
          </ac:spMkLst>
        </pc:spChg>
        <pc:spChg chg="add del mod">
          <ac:chgData name="Shubham Sanjay Ingole" userId="ec40096c-0047-4d8d-8a90-1675687b99a4" providerId="ADAL" clId="{3B3DE2A4-3133-4D93-A9DC-872EFC8DFD9D}" dt="2020-11-23T23:03:22.604" v="188" actId="478"/>
          <ac:spMkLst>
            <pc:docMk/>
            <pc:sldMk cId="3041848815" sldId="304"/>
            <ac:spMk id="23" creationId="{539D5F8A-15E8-420B-A893-F649A7F1E0F4}"/>
          </ac:spMkLst>
        </pc:spChg>
        <pc:spChg chg="add mod">
          <ac:chgData name="Shubham Sanjay Ingole" userId="ec40096c-0047-4d8d-8a90-1675687b99a4" providerId="ADAL" clId="{3B3DE2A4-3133-4D93-A9DC-872EFC8DFD9D}" dt="2020-11-23T23:04:01.313" v="195" actId="255"/>
          <ac:spMkLst>
            <pc:docMk/>
            <pc:sldMk cId="3041848815" sldId="304"/>
            <ac:spMk id="26" creationId="{F2C345BC-0ED0-48A4-8CF1-7E9EC8CC2551}"/>
          </ac:spMkLst>
        </pc:spChg>
        <pc:spChg chg="add mod">
          <ac:chgData name="Shubham Sanjay Ingole" userId="ec40096c-0047-4d8d-8a90-1675687b99a4" providerId="ADAL" clId="{3B3DE2A4-3133-4D93-A9DC-872EFC8DFD9D}" dt="2020-11-23T23:04:55.146" v="206" actId="1076"/>
          <ac:spMkLst>
            <pc:docMk/>
            <pc:sldMk cId="3041848815" sldId="304"/>
            <ac:spMk id="28" creationId="{3BC1EB64-5A69-4596-8962-EE1D619DE0E5}"/>
          </ac:spMkLst>
        </pc:spChg>
        <pc:spChg chg="add mod">
          <ac:chgData name="Shubham Sanjay Ingole" userId="ec40096c-0047-4d8d-8a90-1675687b99a4" providerId="ADAL" clId="{3B3DE2A4-3133-4D93-A9DC-872EFC8DFD9D}" dt="2020-11-23T23:04:46.059" v="204" actId="1076"/>
          <ac:spMkLst>
            <pc:docMk/>
            <pc:sldMk cId="3041848815" sldId="304"/>
            <ac:spMk id="30" creationId="{D5752062-19DB-4E63-B8CA-97DF698B47AE}"/>
          </ac:spMkLst>
        </pc:spChg>
        <pc:grpChg chg="add mod">
          <ac:chgData name="Shubham Sanjay Ingole" userId="ec40096c-0047-4d8d-8a90-1675687b99a4" providerId="ADAL" clId="{3B3DE2A4-3133-4D93-A9DC-872EFC8DFD9D}" dt="2020-11-23T23:03:52.141" v="194" actId="14100"/>
          <ac:grpSpMkLst>
            <pc:docMk/>
            <pc:sldMk cId="3041848815" sldId="304"/>
            <ac:grpSpMk id="31" creationId="{56E1464D-6A3F-4E5B-B68E-C47D5BD49DDA}"/>
          </ac:grpSpMkLst>
        </pc:grpChg>
        <pc:cxnChg chg="add mod">
          <ac:chgData name="Shubham Sanjay Ingole" userId="ec40096c-0047-4d8d-8a90-1675687b99a4" providerId="ADAL" clId="{3B3DE2A4-3133-4D93-A9DC-872EFC8DFD9D}" dt="2020-11-23T23:03:37.831" v="190" actId="164"/>
          <ac:cxnSpMkLst>
            <pc:docMk/>
            <pc:sldMk cId="3041848815" sldId="304"/>
            <ac:cxnSpMk id="9" creationId="{84E778CF-D0D3-4058-94F4-697E933BDC51}"/>
          </ac:cxnSpMkLst>
        </pc:cxnChg>
        <pc:cxnChg chg="add mod">
          <ac:chgData name="Shubham Sanjay Ingole" userId="ec40096c-0047-4d8d-8a90-1675687b99a4" providerId="ADAL" clId="{3B3DE2A4-3133-4D93-A9DC-872EFC8DFD9D}" dt="2020-11-23T23:03:37.831" v="190" actId="164"/>
          <ac:cxnSpMkLst>
            <pc:docMk/>
            <pc:sldMk cId="3041848815" sldId="304"/>
            <ac:cxnSpMk id="10" creationId="{B7E2E8F8-58D4-44E9-B682-0619AB022432}"/>
          </ac:cxnSpMkLst>
        </pc:cxnChg>
        <pc:cxnChg chg="add del mod">
          <ac:chgData name="Shubham Sanjay Ingole" userId="ec40096c-0047-4d8d-8a90-1675687b99a4" providerId="ADAL" clId="{3B3DE2A4-3133-4D93-A9DC-872EFC8DFD9D}" dt="2020-11-23T23:03:22.604" v="188" actId="478"/>
          <ac:cxnSpMkLst>
            <pc:docMk/>
            <pc:sldMk cId="3041848815" sldId="304"/>
            <ac:cxnSpMk id="12" creationId="{27B53C58-32F1-422F-B1BB-7F8D98985E73}"/>
          </ac:cxnSpMkLst>
        </pc:cxnChg>
        <pc:cxnChg chg="add mod">
          <ac:chgData name="Shubham Sanjay Ingole" userId="ec40096c-0047-4d8d-8a90-1675687b99a4" providerId="ADAL" clId="{3B3DE2A4-3133-4D93-A9DC-872EFC8DFD9D}" dt="2020-11-23T23:03:37.831" v="190" actId="164"/>
          <ac:cxnSpMkLst>
            <pc:docMk/>
            <pc:sldMk cId="3041848815" sldId="304"/>
            <ac:cxnSpMk id="16" creationId="{28605012-C13B-4C4F-AA8D-BD150C49EE2C}"/>
          </ac:cxnSpMkLst>
        </pc:cxnChg>
        <pc:cxnChg chg="add del mod">
          <ac:chgData name="Shubham Sanjay Ingole" userId="ec40096c-0047-4d8d-8a90-1675687b99a4" providerId="ADAL" clId="{3B3DE2A4-3133-4D93-A9DC-872EFC8DFD9D}" dt="2020-11-23T23:03:17.560" v="187" actId="478"/>
          <ac:cxnSpMkLst>
            <pc:docMk/>
            <pc:sldMk cId="3041848815" sldId="304"/>
            <ac:cxnSpMk id="18" creationId="{334095D0-6E92-427D-8FA5-765A15918B85}"/>
          </ac:cxnSpMkLst>
        </pc:cxnChg>
        <pc:cxnChg chg="add del mod">
          <ac:chgData name="Shubham Sanjay Ingole" userId="ec40096c-0047-4d8d-8a90-1675687b99a4" providerId="ADAL" clId="{3B3DE2A4-3133-4D93-A9DC-872EFC8DFD9D}" dt="2020-11-23T23:03:22.604" v="188" actId="478"/>
          <ac:cxnSpMkLst>
            <pc:docMk/>
            <pc:sldMk cId="3041848815" sldId="304"/>
            <ac:cxnSpMk id="22" creationId="{4997AE8C-59BB-4DEC-94A0-D6748622E865}"/>
          </ac:cxnSpMkLst>
        </pc:cxnChg>
        <pc:cxnChg chg="add del mod">
          <ac:chgData name="Shubham Sanjay Ingole" userId="ec40096c-0047-4d8d-8a90-1675687b99a4" providerId="ADAL" clId="{3B3DE2A4-3133-4D93-A9DC-872EFC8DFD9D}" dt="2020-11-23T23:03:22.604" v="188" actId="478"/>
          <ac:cxnSpMkLst>
            <pc:docMk/>
            <pc:sldMk cId="3041848815" sldId="304"/>
            <ac:cxnSpMk id="24" creationId="{84CAFDED-725B-4A7F-9BF9-485D9D6508C6}"/>
          </ac:cxnSpMkLst>
        </pc:cxnChg>
        <pc:cxnChg chg="add mod">
          <ac:chgData name="Shubham Sanjay Ingole" userId="ec40096c-0047-4d8d-8a90-1675687b99a4" providerId="ADAL" clId="{3B3DE2A4-3133-4D93-A9DC-872EFC8DFD9D}" dt="2020-11-23T23:03:37.831" v="190" actId="164"/>
          <ac:cxnSpMkLst>
            <pc:docMk/>
            <pc:sldMk cId="3041848815" sldId="304"/>
            <ac:cxnSpMk id="25" creationId="{0DC23185-82B8-4637-9BA1-2FA6FF04779A}"/>
          </ac:cxnSpMkLst>
        </pc:cxnChg>
        <pc:cxnChg chg="add del mod">
          <ac:chgData name="Shubham Sanjay Ingole" userId="ec40096c-0047-4d8d-8a90-1675687b99a4" providerId="ADAL" clId="{3B3DE2A4-3133-4D93-A9DC-872EFC8DFD9D}" dt="2020-11-23T23:03:17.560" v="187" actId="478"/>
          <ac:cxnSpMkLst>
            <pc:docMk/>
            <pc:sldMk cId="3041848815" sldId="304"/>
            <ac:cxnSpMk id="27" creationId="{81F502FC-B9DF-4723-B818-CBFC370FDE8A}"/>
          </ac:cxnSpMkLst>
        </pc:cxnChg>
        <pc:cxnChg chg="add mod">
          <ac:chgData name="Shubham Sanjay Ingole" userId="ec40096c-0047-4d8d-8a90-1675687b99a4" providerId="ADAL" clId="{3B3DE2A4-3133-4D93-A9DC-872EFC8DFD9D}" dt="2020-11-23T23:03:37.831" v="190" actId="164"/>
          <ac:cxnSpMkLst>
            <pc:docMk/>
            <pc:sldMk cId="3041848815" sldId="304"/>
            <ac:cxnSpMk id="29" creationId="{791822D1-850B-4CE2-9EB9-EAB88C2ACC92}"/>
          </ac:cxnSpMkLst>
        </pc:cxnChg>
      </pc:sldChg>
      <pc:sldChg chg="addSp delSp modSp mod">
        <pc:chgData name="Shubham Sanjay Ingole" userId="ec40096c-0047-4d8d-8a90-1675687b99a4" providerId="ADAL" clId="{3B3DE2A4-3133-4D93-A9DC-872EFC8DFD9D}" dt="2020-11-23T23:01:25.032" v="170" actId="1076"/>
        <pc:sldMkLst>
          <pc:docMk/>
          <pc:sldMk cId="1073331143" sldId="305"/>
        </pc:sldMkLst>
        <pc:spChg chg="add mod">
          <ac:chgData name="Shubham Sanjay Ingole" userId="ec40096c-0047-4d8d-8a90-1675687b99a4" providerId="ADAL" clId="{3B3DE2A4-3133-4D93-A9DC-872EFC8DFD9D}" dt="2020-11-23T23:01:25.032" v="170" actId="1076"/>
          <ac:spMkLst>
            <pc:docMk/>
            <pc:sldMk cId="1073331143" sldId="305"/>
            <ac:spMk id="13" creationId="{CF841E7E-9B09-4896-B5FF-E54C4C4E8F91}"/>
          </ac:spMkLst>
        </pc:spChg>
        <pc:spChg chg="mod">
          <ac:chgData name="Shubham Sanjay Ingole" userId="ec40096c-0047-4d8d-8a90-1675687b99a4" providerId="ADAL" clId="{3B3DE2A4-3133-4D93-A9DC-872EFC8DFD9D}" dt="2020-11-23T22:59:25.335" v="159" actId="13822"/>
          <ac:spMkLst>
            <pc:docMk/>
            <pc:sldMk cId="1073331143" sldId="305"/>
            <ac:spMk id="21" creationId="{72F104FF-7F48-4767-9FAB-20789E4C6D1D}"/>
          </ac:spMkLst>
        </pc:spChg>
        <pc:spChg chg="mod">
          <ac:chgData name="Shubham Sanjay Ingole" userId="ec40096c-0047-4d8d-8a90-1675687b99a4" providerId="ADAL" clId="{3B3DE2A4-3133-4D93-A9DC-872EFC8DFD9D}" dt="2020-11-23T22:54:18.371" v="119" actId="14100"/>
          <ac:spMkLst>
            <pc:docMk/>
            <pc:sldMk cId="1073331143" sldId="305"/>
            <ac:spMk id="23" creationId="{CDBDC478-1B62-4408-960B-9E4AB0C38738}"/>
          </ac:spMkLst>
        </pc:spChg>
        <pc:spChg chg="mod">
          <ac:chgData name="Shubham Sanjay Ingole" userId="ec40096c-0047-4d8d-8a90-1675687b99a4" providerId="ADAL" clId="{3B3DE2A4-3133-4D93-A9DC-872EFC8DFD9D}" dt="2020-11-23T22:54:05.688" v="115" actId="1076"/>
          <ac:spMkLst>
            <pc:docMk/>
            <pc:sldMk cId="1073331143" sldId="305"/>
            <ac:spMk id="75" creationId="{BFAE08FC-ADA4-4DC6-B6F0-64B62201909B}"/>
          </ac:spMkLst>
        </pc:spChg>
        <pc:spChg chg="del">
          <ac:chgData name="Shubham Sanjay Ingole" userId="ec40096c-0047-4d8d-8a90-1675687b99a4" providerId="ADAL" clId="{3B3DE2A4-3133-4D93-A9DC-872EFC8DFD9D}" dt="2020-11-23T22:53:50.809" v="109" actId="478"/>
          <ac:spMkLst>
            <pc:docMk/>
            <pc:sldMk cId="1073331143" sldId="305"/>
            <ac:spMk id="79" creationId="{DD6A0191-DB27-408F-A519-452315AF3D99}"/>
          </ac:spMkLst>
        </pc:spChg>
        <pc:cxnChg chg="mod">
          <ac:chgData name="Shubham Sanjay Ingole" userId="ec40096c-0047-4d8d-8a90-1675687b99a4" providerId="ADAL" clId="{3B3DE2A4-3133-4D93-A9DC-872EFC8DFD9D}" dt="2020-11-23T22:54:09.067" v="116" actId="14100"/>
          <ac:cxnSpMkLst>
            <pc:docMk/>
            <pc:sldMk cId="1073331143" sldId="305"/>
            <ac:cxnSpMk id="67" creationId="{FB7A91E7-680A-4B5F-98D2-80F9EDBA476A}"/>
          </ac:cxnSpMkLst>
        </pc:cxnChg>
        <pc:cxnChg chg="del">
          <ac:chgData name="Shubham Sanjay Ingole" userId="ec40096c-0047-4d8d-8a90-1675687b99a4" providerId="ADAL" clId="{3B3DE2A4-3133-4D93-A9DC-872EFC8DFD9D}" dt="2020-11-23T22:53:53.049" v="110" actId="478"/>
          <ac:cxnSpMkLst>
            <pc:docMk/>
            <pc:sldMk cId="1073331143" sldId="305"/>
            <ac:cxnSpMk id="78" creationId="{9D646C72-0548-429A-B6B5-B1811913CE28}"/>
          </ac:cxnSpMkLst>
        </pc:cxnChg>
      </pc:sldChg>
      <pc:sldChg chg="addSp modSp mod">
        <pc:chgData name="Shubham Sanjay Ingole" userId="ec40096c-0047-4d8d-8a90-1675687b99a4" providerId="ADAL" clId="{3B3DE2A4-3133-4D93-A9DC-872EFC8DFD9D}" dt="2020-11-23T23:01:56.406" v="175" actId="1076"/>
        <pc:sldMkLst>
          <pc:docMk/>
          <pc:sldMk cId="4245634019" sldId="306"/>
        </pc:sldMkLst>
        <pc:spChg chg="mod">
          <ac:chgData name="Shubham Sanjay Ingole" userId="ec40096c-0047-4d8d-8a90-1675687b99a4" providerId="ADAL" clId="{3B3DE2A4-3133-4D93-A9DC-872EFC8DFD9D}" dt="2020-11-23T22:59:40.958" v="160" actId="13822"/>
          <ac:spMkLst>
            <pc:docMk/>
            <pc:sldMk cId="4245634019" sldId="306"/>
            <ac:spMk id="16" creationId="{B452978E-2B59-412D-980E-EF05C337F5D3}"/>
          </ac:spMkLst>
        </pc:spChg>
        <pc:spChg chg="add mod">
          <ac:chgData name="Shubham Sanjay Ingole" userId="ec40096c-0047-4d8d-8a90-1675687b99a4" providerId="ADAL" clId="{3B3DE2A4-3133-4D93-A9DC-872EFC8DFD9D}" dt="2020-11-23T23:01:56.406" v="175" actId="1076"/>
          <ac:spMkLst>
            <pc:docMk/>
            <pc:sldMk cId="4245634019" sldId="306"/>
            <ac:spMk id="21" creationId="{E145FB18-C414-4A68-84C8-190025A0FDDF}"/>
          </ac:spMkLst>
        </pc:spChg>
        <pc:spChg chg="mod">
          <ac:chgData name="Shubham Sanjay Ingole" userId="ec40096c-0047-4d8d-8a90-1675687b99a4" providerId="ADAL" clId="{3B3DE2A4-3133-4D93-A9DC-872EFC8DFD9D}" dt="2020-11-23T22:54:58.694" v="130" actId="1076"/>
          <ac:spMkLst>
            <pc:docMk/>
            <pc:sldMk cId="4245634019" sldId="306"/>
            <ac:spMk id="26" creationId="{03A1684A-FC50-4FA7-9D83-08A407117B91}"/>
          </ac:spMkLst>
        </pc:spChg>
        <pc:spChg chg="mod">
          <ac:chgData name="Shubham Sanjay Ingole" userId="ec40096c-0047-4d8d-8a90-1675687b99a4" providerId="ADAL" clId="{3B3DE2A4-3133-4D93-A9DC-872EFC8DFD9D}" dt="2020-11-23T22:54:39.571" v="126" actId="1076"/>
          <ac:spMkLst>
            <pc:docMk/>
            <pc:sldMk cId="4245634019" sldId="306"/>
            <ac:spMk id="28" creationId="{BCE909B3-E7B8-4ED9-9A6A-D1FD60BD8004}"/>
          </ac:spMkLst>
        </pc:spChg>
        <pc:spChg chg="mod">
          <ac:chgData name="Shubham Sanjay Ingole" userId="ec40096c-0047-4d8d-8a90-1675687b99a4" providerId="ADAL" clId="{3B3DE2A4-3133-4D93-A9DC-872EFC8DFD9D}" dt="2020-11-23T22:54:34.598" v="124" actId="1076"/>
          <ac:spMkLst>
            <pc:docMk/>
            <pc:sldMk cId="4245634019" sldId="306"/>
            <ac:spMk id="30" creationId="{F44EB8E2-078B-4CB7-A760-1D1BEB9F5849}"/>
          </ac:spMkLst>
        </pc:spChg>
        <pc:spChg chg="mod">
          <ac:chgData name="Shubham Sanjay Ingole" userId="ec40096c-0047-4d8d-8a90-1675687b99a4" providerId="ADAL" clId="{3B3DE2A4-3133-4D93-A9DC-872EFC8DFD9D}" dt="2020-11-23T22:55:27.425" v="137" actId="1076"/>
          <ac:spMkLst>
            <pc:docMk/>
            <pc:sldMk cId="4245634019" sldId="306"/>
            <ac:spMk id="34" creationId="{4CEDBA12-B7BF-4E7C-9A13-E59DCC938E83}"/>
          </ac:spMkLst>
        </pc:spChg>
        <pc:spChg chg="mod">
          <ac:chgData name="Shubham Sanjay Ingole" userId="ec40096c-0047-4d8d-8a90-1675687b99a4" providerId="ADAL" clId="{3B3DE2A4-3133-4D93-A9DC-872EFC8DFD9D}" dt="2020-11-23T22:55:45.726" v="141" actId="12"/>
          <ac:spMkLst>
            <pc:docMk/>
            <pc:sldMk cId="4245634019" sldId="306"/>
            <ac:spMk id="44" creationId="{F54A324A-B34E-40CE-9288-67F15D150B1C}"/>
          </ac:spMkLst>
        </pc:spChg>
        <pc:spChg chg="mod">
          <ac:chgData name="Shubham Sanjay Ingole" userId="ec40096c-0047-4d8d-8a90-1675687b99a4" providerId="ADAL" clId="{3B3DE2A4-3133-4D93-A9DC-872EFC8DFD9D}" dt="2020-11-23T22:55:04.594" v="132" actId="12"/>
          <ac:spMkLst>
            <pc:docMk/>
            <pc:sldMk cId="4245634019" sldId="306"/>
            <ac:spMk id="46" creationId="{8F352BD8-6D13-40E6-884D-522BFCF65550}"/>
          </ac:spMkLst>
        </pc:spChg>
        <pc:spChg chg="mod">
          <ac:chgData name="Shubham Sanjay Ingole" userId="ec40096c-0047-4d8d-8a90-1675687b99a4" providerId="ADAL" clId="{3B3DE2A4-3133-4D93-A9DC-872EFC8DFD9D}" dt="2020-11-23T22:55:30.252" v="138" actId="12"/>
          <ac:spMkLst>
            <pc:docMk/>
            <pc:sldMk cId="4245634019" sldId="306"/>
            <ac:spMk id="50" creationId="{7C01B6BA-B522-4AD7-BA34-F48B3DBCB5C2}"/>
          </ac:spMkLst>
        </pc:spChg>
        <pc:grpChg chg="mod">
          <ac:chgData name="Shubham Sanjay Ingole" userId="ec40096c-0047-4d8d-8a90-1675687b99a4" providerId="ADAL" clId="{3B3DE2A4-3133-4D93-A9DC-872EFC8DFD9D}" dt="2020-11-23T23:01:53.261" v="174" actId="1076"/>
          <ac:grpSpMkLst>
            <pc:docMk/>
            <pc:sldMk cId="4245634019" sldId="306"/>
            <ac:grpSpMk id="75" creationId="{415D7816-86A4-41C7-92C3-D6DA4BA7AF8E}"/>
          </ac:grpSpMkLst>
        </pc:grpChg>
        <pc:cxnChg chg="mod">
          <ac:chgData name="Shubham Sanjay Ingole" userId="ec40096c-0047-4d8d-8a90-1675687b99a4" providerId="ADAL" clId="{3B3DE2A4-3133-4D93-A9DC-872EFC8DFD9D}" dt="2020-11-23T22:54:31.840" v="123" actId="14100"/>
          <ac:cxnSpMkLst>
            <pc:docMk/>
            <pc:sldMk cId="4245634019" sldId="306"/>
            <ac:cxnSpMk id="36" creationId="{9D5710A9-547E-4CDD-8E6C-E60A6FA4807D}"/>
          </ac:cxnSpMkLst>
        </pc:cxnChg>
        <pc:cxnChg chg="mod">
          <ac:chgData name="Shubham Sanjay Ingole" userId="ec40096c-0047-4d8d-8a90-1675687b99a4" providerId="ADAL" clId="{3B3DE2A4-3133-4D93-A9DC-872EFC8DFD9D}" dt="2020-11-23T22:55:41.545" v="140" actId="14100"/>
          <ac:cxnSpMkLst>
            <pc:docMk/>
            <pc:sldMk cId="4245634019" sldId="306"/>
            <ac:cxnSpMk id="38" creationId="{8F31714B-19C1-4784-A6C2-DFA2B1EE8BA7}"/>
          </ac:cxnSpMkLst>
        </pc:cxnChg>
        <pc:cxnChg chg="mod">
          <ac:chgData name="Shubham Sanjay Ingole" userId="ec40096c-0047-4d8d-8a90-1675687b99a4" providerId="ADAL" clId="{3B3DE2A4-3133-4D93-A9DC-872EFC8DFD9D}" dt="2020-11-23T22:55:18.135" v="135" actId="14100"/>
          <ac:cxnSpMkLst>
            <pc:docMk/>
            <pc:sldMk cId="4245634019" sldId="306"/>
            <ac:cxnSpMk id="40" creationId="{8A16AC51-8695-43EC-AFEF-F6F6D563A569}"/>
          </ac:cxnSpMkLst>
        </pc:cxnChg>
        <pc:cxnChg chg="mod">
          <ac:chgData name="Shubham Sanjay Ingole" userId="ec40096c-0047-4d8d-8a90-1675687b99a4" providerId="ADAL" clId="{3B3DE2A4-3133-4D93-A9DC-872EFC8DFD9D}" dt="2020-11-23T22:55:08.263" v="133" actId="1076"/>
          <ac:cxnSpMkLst>
            <pc:docMk/>
            <pc:sldMk cId="4245634019" sldId="306"/>
            <ac:cxnSpMk id="42" creationId="{A835B5A9-C12A-4A61-9B59-C59BE8239360}"/>
          </ac:cxnSpMkLst>
        </pc:cxnChg>
      </pc:sldChg>
      <pc:sldChg chg="new del ord">
        <pc:chgData name="Shubham Sanjay Ingole" userId="ec40096c-0047-4d8d-8a90-1675687b99a4" providerId="ADAL" clId="{3B3DE2A4-3133-4D93-A9DC-872EFC8DFD9D}" dt="2020-11-27T07:39:42.947" v="220" actId="47"/>
        <pc:sldMkLst>
          <pc:docMk/>
          <pc:sldMk cId="767352264" sldId="308"/>
        </pc:sldMkLst>
      </pc:sldChg>
      <pc:sldChg chg="modSp add mod">
        <pc:chgData name="Shubham Sanjay Ingole" userId="ec40096c-0047-4d8d-8a90-1675687b99a4" providerId="ADAL" clId="{3B3DE2A4-3133-4D93-A9DC-872EFC8DFD9D}" dt="2020-11-27T11:38:16.999" v="489" actId="20578"/>
        <pc:sldMkLst>
          <pc:docMk/>
          <pc:sldMk cId="2424633996" sldId="308"/>
        </pc:sldMkLst>
        <pc:spChg chg="mod">
          <ac:chgData name="Shubham Sanjay Ingole" userId="ec40096c-0047-4d8d-8a90-1675687b99a4" providerId="ADAL" clId="{3B3DE2A4-3133-4D93-A9DC-872EFC8DFD9D}" dt="2020-11-27T11:38:16.999" v="489" actId="20578"/>
          <ac:spMkLst>
            <pc:docMk/>
            <pc:sldMk cId="2424633996" sldId="308"/>
            <ac:spMk id="6" creationId="{2D81EBA2-E79D-4E73-80D8-CA877DCF40C7}"/>
          </ac:spMkLst>
        </pc:spChg>
      </pc:sldChg>
    </pc:docChg>
  </pc:docChgLst>
  <pc:docChgLst>
    <pc:chgData name="Joern Andreas Appelt" userId="98b46129-6d0a-4894-933b-fbbcf2e18e6b" providerId="ADAL" clId="{EF85B3A0-783B-BF4C-AABC-B96681C31B33}"/>
    <pc:docChg chg="undo custSel addSld modSld sldOrd">
      <pc:chgData name="Joern Andreas Appelt" userId="98b46129-6d0a-4894-933b-fbbcf2e18e6b" providerId="ADAL" clId="{EF85B3A0-783B-BF4C-AABC-B96681C31B33}" dt="2020-11-27T10:49:09.898" v="1773" actId="20577"/>
      <pc:docMkLst>
        <pc:docMk/>
      </pc:docMkLst>
      <pc:sldChg chg="modSp mod">
        <pc:chgData name="Joern Andreas Appelt" userId="98b46129-6d0a-4894-933b-fbbcf2e18e6b" providerId="ADAL" clId="{EF85B3A0-783B-BF4C-AABC-B96681C31B33}" dt="2020-11-27T10:49:09.898" v="1773" actId="20577"/>
        <pc:sldMkLst>
          <pc:docMk/>
          <pc:sldMk cId="735608022" sldId="295"/>
        </pc:sldMkLst>
        <pc:spChg chg="mod">
          <ac:chgData name="Joern Andreas Appelt" userId="98b46129-6d0a-4894-933b-fbbcf2e18e6b" providerId="ADAL" clId="{EF85B3A0-783B-BF4C-AABC-B96681C31B33}" dt="2020-11-27T10:49:09.898" v="1773" actId="20577"/>
          <ac:spMkLst>
            <pc:docMk/>
            <pc:sldMk cId="735608022" sldId="295"/>
            <ac:spMk id="3" creationId="{86F37277-9C42-4BD1-927E-7F1962FB1120}"/>
          </ac:spMkLst>
        </pc:spChg>
      </pc:sldChg>
      <pc:sldChg chg="addSp delSp modSp new mod">
        <pc:chgData name="Joern Andreas Appelt" userId="98b46129-6d0a-4894-933b-fbbcf2e18e6b" providerId="ADAL" clId="{EF85B3A0-783B-BF4C-AABC-B96681C31B33}" dt="2020-11-13T06:49:20.183" v="1747" actId="14100"/>
        <pc:sldMkLst>
          <pc:docMk/>
          <pc:sldMk cId="2678455207" sldId="302"/>
        </pc:sldMkLst>
        <pc:spChg chg="mod">
          <ac:chgData name="Joern Andreas Appelt" userId="98b46129-6d0a-4894-933b-fbbcf2e18e6b" providerId="ADAL" clId="{EF85B3A0-783B-BF4C-AABC-B96681C31B33}" dt="2020-11-12T13:04:52.347" v="20" actId="20577"/>
          <ac:spMkLst>
            <pc:docMk/>
            <pc:sldMk cId="2678455207" sldId="302"/>
            <ac:spMk id="3" creationId="{81A54349-C3D8-5040-89FE-F24108EB927D}"/>
          </ac:spMkLst>
        </pc:spChg>
        <pc:spChg chg="add del mod">
          <ac:chgData name="Joern Andreas Appelt" userId="98b46129-6d0a-4894-933b-fbbcf2e18e6b" providerId="ADAL" clId="{EF85B3A0-783B-BF4C-AABC-B96681C31B33}" dt="2020-11-12T13:06:57.755" v="22" actId="478"/>
          <ac:spMkLst>
            <pc:docMk/>
            <pc:sldMk cId="2678455207" sldId="302"/>
            <ac:spMk id="4" creationId="{347BD981-AC78-604D-BE66-DE345023E7BC}"/>
          </ac:spMkLst>
        </pc:spChg>
        <pc:spChg chg="add del mod">
          <ac:chgData name="Joern Andreas Appelt" userId="98b46129-6d0a-4894-933b-fbbcf2e18e6b" providerId="ADAL" clId="{EF85B3A0-783B-BF4C-AABC-B96681C31B33}" dt="2020-11-12T13:07:13.612" v="24" actId="478"/>
          <ac:spMkLst>
            <pc:docMk/>
            <pc:sldMk cId="2678455207" sldId="302"/>
            <ac:spMk id="5" creationId="{68653FFE-1923-5848-9CBC-ABFAE9A464F3}"/>
          </ac:spMkLst>
        </pc:spChg>
        <pc:spChg chg="add del mod">
          <ac:chgData name="Joern Andreas Appelt" userId="98b46129-6d0a-4894-933b-fbbcf2e18e6b" providerId="ADAL" clId="{EF85B3A0-783B-BF4C-AABC-B96681C31B33}" dt="2020-11-12T13:07:15.646" v="26" actId="478"/>
          <ac:spMkLst>
            <pc:docMk/>
            <pc:sldMk cId="2678455207" sldId="302"/>
            <ac:spMk id="6" creationId="{DE776842-88C9-A940-A62A-D30E9CA88DE5}"/>
          </ac:spMkLst>
        </pc:spChg>
        <pc:spChg chg="add del mod">
          <ac:chgData name="Joern Andreas Appelt" userId="98b46129-6d0a-4894-933b-fbbcf2e18e6b" providerId="ADAL" clId="{EF85B3A0-783B-BF4C-AABC-B96681C31B33}" dt="2020-11-12T13:07:25.438" v="28" actId="478"/>
          <ac:spMkLst>
            <pc:docMk/>
            <pc:sldMk cId="2678455207" sldId="302"/>
            <ac:spMk id="7" creationId="{C3A8395D-31BF-0947-80BA-D4185FF73418}"/>
          </ac:spMkLst>
        </pc:spChg>
        <pc:spChg chg="add mod">
          <ac:chgData name="Joern Andreas Appelt" userId="98b46129-6d0a-4894-933b-fbbcf2e18e6b" providerId="ADAL" clId="{EF85B3A0-783B-BF4C-AABC-B96681C31B33}" dt="2020-11-12T15:10:02.091" v="1175" actId="20577"/>
          <ac:spMkLst>
            <pc:docMk/>
            <pc:sldMk cId="2678455207" sldId="302"/>
            <ac:spMk id="10" creationId="{F58398FC-39E4-B04D-A19D-85E1CBE9DF37}"/>
          </ac:spMkLst>
        </pc:spChg>
        <pc:spChg chg="add del mod">
          <ac:chgData name="Joern Andreas Appelt" userId="98b46129-6d0a-4894-933b-fbbcf2e18e6b" providerId="ADAL" clId="{EF85B3A0-783B-BF4C-AABC-B96681C31B33}" dt="2020-11-12T13:14:27.865" v="144" actId="478"/>
          <ac:spMkLst>
            <pc:docMk/>
            <pc:sldMk cId="2678455207" sldId="302"/>
            <ac:spMk id="15" creationId="{6045DCF0-CD50-F34E-8A26-FA5B9DFCD6B8}"/>
          </ac:spMkLst>
        </pc:spChg>
        <pc:spChg chg="add mod">
          <ac:chgData name="Joern Andreas Appelt" userId="98b46129-6d0a-4894-933b-fbbcf2e18e6b" providerId="ADAL" clId="{EF85B3A0-783B-BF4C-AABC-B96681C31B33}" dt="2020-11-12T13:14:38.681" v="185" actId="1037"/>
          <ac:spMkLst>
            <pc:docMk/>
            <pc:sldMk cId="2678455207" sldId="302"/>
            <ac:spMk id="16" creationId="{8E6B59E7-846E-4C42-9BBE-42222EACA29F}"/>
          </ac:spMkLst>
        </pc:spChg>
        <pc:spChg chg="add mod">
          <ac:chgData name="Joern Andreas Appelt" userId="98b46129-6d0a-4894-933b-fbbcf2e18e6b" providerId="ADAL" clId="{EF85B3A0-783B-BF4C-AABC-B96681C31B33}" dt="2020-11-12T13:45:23.861" v="637" actId="1076"/>
          <ac:spMkLst>
            <pc:docMk/>
            <pc:sldMk cId="2678455207" sldId="302"/>
            <ac:spMk id="17" creationId="{BCA7B81A-3889-AC43-9C0F-2E05D2415F65}"/>
          </ac:spMkLst>
        </pc:spChg>
        <pc:spChg chg="add mod">
          <ac:chgData name="Joern Andreas Appelt" userId="98b46129-6d0a-4894-933b-fbbcf2e18e6b" providerId="ADAL" clId="{EF85B3A0-783B-BF4C-AABC-B96681C31B33}" dt="2020-11-12T13:56:29.053" v="779" actId="20577"/>
          <ac:spMkLst>
            <pc:docMk/>
            <pc:sldMk cId="2678455207" sldId="302"/>
            <ac:spMk id="22" creationId="{1CA28952-66C2-7D4B-9167-3E3F34241DB0}"/>
          </ac:spMkLst>
        </pc:spChg>
        <pc:spChg chg="add mod">
          <ac:chgData name="Joern Andreas Appelt" userId="98b46129-6d0a-4894-933b-fbbcf2e18e6b" providerId="ADAL" clId="{EF85B3A0-783B-BF4C-AABC-B96681C31B33}" dt="2020-11-13T06:42:33.630" v="1449" actId="20577"/>
          <ac:spMkLst>
            <pc:docMk/>
            <pc:sldMk cId="2678455207" sldId="302"/>
            <ac:spMk id="23" creationId="{7A1BD3C2-EDB0-634D-9624-37D8B661EC99}"/>
          </ac:spMkLst>
        </pc:spChg>
        <pc:spChg chg="add mod">
          <ac:chgData name="Joern Andreas Appelt" userId="98b46129-6d0a-4894-933b-fbbcf2e18e6b" providerId="ADAL" clId="{EF85B3A0-783B-BF4C-AABC-B96681C31B33}" dt="2020-11-12T13:55:29.831" v="755" actId="1037"/>
          <ac:spMkLst>
            <pc:docMk/>
            <pc:sldMk cId="2678455207" sldId="302"/>
            <ac:spMk id="24" creationId="{CB01391D-EE88-5D4B-B522-B265ABD2A438}"/>
          </ac:spMkLst>
        </pc:spChg>
        <pc:spChg chg="add del mod">
          <ac:chgData name="Joern Andreas Appelt" userId="98b46129-6d0a-4894-933b-fbbcf2e18e6b" providerId="ADAL" clId="{EF85B3A0-783B-BF4C-AABC-B96681C31B33}" dt="2020-11-12T13:20:43.919" v="343" actId="478"/>
          <ac:spMkLst>
            <pc:docMk/>
            <pc:sldMk cId="2678455207" sldId="302"/>
            <ac:spMk id="27" creationId="{C743F826-5F78-2446-8FBD-AD5D81FD13C6}"/>
          </ac:spMkLst>
        </pc:spChg>
        <pc:spChg chg="add mod">
          <ac:chgData name="Joern Andreas Appelt" userId="98b46129-6d0a-4894-933b-fbbcf2e18e6b" providerId="ADAL" clId="{EF85B3A0-783B-BF4C-AABC-B96681C31B33}" dt="2020-11-12T13:45:48.160" v="640" actId="1076"/>
          <ac:spMkLst>
            <pc:docMk/>
            <pc:sldMk cId="2678455207" sldId="302"/>
            <ac:spMk id="32" creationId="{FFE98FEF-41FA-D649-9794-9709B04686EE}"/>
          </ac:spMkLst>
        </pc:spChg>
        <pc:spChg chg="add mod">
          <ac:chgData name="Joern Andreas Appelt" userId="98b46129-6d0a-4894-933b-fbbcf2e18e6b" providerId="ADAL" clId="{EF85B3A0-783B-BF4C-AABC-B96681C31B33}" dt="2020-11-12T13:50:43.956" v="692" actId="14100"/>
          <ac:spMkLst>
            <pc:docMk/>
            <pc:sldMk cId="2678455207" sldId="302"/>
            <ac:spMk id="39" creationId="{446B5BA2-B62C-2E46-9FC9-535BA2269DA3}"/>
          </ac:spMkLst>
        </pc:spChg>
        <pc:spChg chg="add mod">
          <ac:chgData name="Joern Andreas Appelt" userId="98b46129-6d0a-4894-933b-fbbcf2e18e6b" providerId="ADAL" clId="{EF85B3A0-783B-BF4C-AABC-B96681C31B33}" dt="2020-11-12T13:45:51.661" v="641" actId="1076"/>
          <ac:spMkLst>
            <pc:docMk/>
            <pc:sldMk cId="2678455207" sldId="302"/>
            <ac:spMk id="42" creationId="{B0A61D49-62D1-154D-BAC0-58F6B2EB8DD2}"/>
          </ac:spMkLst>
        </pc:spChg>
        <pc:spChg chg="add mod">
          <ac:chgData name="Joern Andreas Appelt" userId="98b46129-6d0a-4894-933b-fbbcf2e18e6b" providerId="ADAL" clId="{EF85B3A0-783B-BF4C-AABC-B96681C31B33}" dt="2020-11-12T13:44:33.650" v="600" actId="207"/>
          <ac:spMkLst>
            <pc:docMk/>
            <pc:sldMk cId="2678455207" sldId="302"/>
            <ac:spMk id="43" creationId="{D9E39149-6393-6E42-B0FE-E6BAF33BFF50}"/>
          </ac:spMkLst>
        </pc:spChg>
        <pc:spChg chg="add mod">
          <ac:chgData name="Joern Andreas Appelt" userId="98b46129-6d0a-4894-933b-fbbcf2e18e6b" providerId="ADAL" clId="{EF85B3A0-783B-BF4C-AABC-B96681C31B33}" dt="2020-11-12T13:44:43.311" v="602" actId="207"/>
          <ac:spMkLst>
            <pc:docMk/>
            <pc:sldMk cId="2678455207" sldId="302"/>
            <ac:spMk id="44" creationId="{4458DE0F-0D77-B24B-B121-85758D20A064}"/>
          </ac:spMkLst>
        </pc:spChg>
        <pc:spChg chg="add mod">
          <ac:chgData name="Joern Andreas Appelt" userId="98b46129-6d0a-4894-933b-fbbcf2e18e6b" providerId="ADAL" clId="{EF85B3A0-783B-BF4C-AABC-B96681C31B33}" dt="2020-11-12T13:44:54.764" v="605" actId="207"/>
          <ac:spMkLst>
            <pc:docMk/>
            <pc:sldMk cId="2678455207" sldId="302"/>
            <ac:spMk id="45" creationId="{95B9A95E-5630-514E-B007-CEFD1C20C612}"/>
          </ac:spMkLst>
        </pc:spChg>
        <pc:spChg chg="add mod">
          <ac:chgData name="Joern Andreas Appelt" userId="98b46129-6d0a-4894-933b-fbbcf2e18e6b" providerId="ADAL" clId="{EF85B3A0-783B-BF4C-AABC-B96681C31B33}" dt="2020-11-12T15:23:29.389" v="1358" actId="20577"/>
          <ac:spMkLst>
            <pc:docMk/>
            <pc:sldMk cId="2678455207" sldId="302"/>
            <ac:spMk id="54" creationId="{BFF96EF7-89EF-6E4E-A5D7-3F7ABCF581F7}"/>
          </ac:spMkLst>
        </pc:spChg>
        <pc:spChg chg="add mod">
          <ac:chgData name="Joern Andreas Appelt" userId="98b46129-6d0a-4894-933b-fbbcf2e18e6b" providerId="ADAL" clId="{EF85B3A0-783B-BF4C-AABC-B96681C31B33}" dt="2020-11-12T15:24:00.280" v="1360" actId="14100"/>
          <ac:spMkLst>
            <pc:docMk/>
            <pc:sldMk cId="2678455207" sldId="302"/>
            <ac:spMk id="61" creationId="{AEAAAA9F-30A7-B349-B590-3EFF0AB841B7}"/>
          </ac:spMkLst>
        </pc:spChg>
        <pc:spChg chg="add del mod">
          <ac:chgData name="Joern Andreas Appelt" userId="98b46129-6d0a-4894-933b-fbbcf2e18e6b" providerId="ADAL" clId="{EF85B3A0-783B-BF4C-AABC-B96681C31B33}" dt="2020-11-12T15:25:10.761" v="1414" actId="14100"/>
          <ac:spMkLst>
            <pc:docMk/>
            <pc:sldMk cId="2678455207" sldId="302"/>
            <ac:spMk id="64" creationId="{C988F4D3-75AF-F548-9E22-1486873D3299}"/>
          </ac:spMkLst>
        </pc:spChg>
        <pc:spChg chg="add mod">
          <ac:chgData name="Joern Andreas Appelt" userId="98b46129-6d0a-4894-933b-fbbcf2e18e6b" providerId="ADAL" clId="{EF85B3A0-783B-BF4C-AABC-B96681C31B33}" dt="2020-11-12T14:09:33.882" v="984" actId="14100"/>
          <ac:spMkLst>
            <pc:docMk/>
            <pc:sldMk cId="2678455207" sldId="302"/>
            <ac:spMk id="68" creationId="{2EE50DF5-FA33-6A40-9F04-3AE1C6572DB4}"/>
          </ac:spMkLst>
        </pc:spChg>
        <pc:spChg chg="add mod">
          <ac:chgData name="Joern Andreas Appelt" userId="98b46129-6d0a-4894-933b-fbbcf2e18e6b" providerId="ADAL" clId="{EF85B3A0-783B-BF4C-AABC-B96681C31B33}" dt="2020-11-12T14:17:40.962" v="1065"/>
          <ac:spMkLst>
            <pc:docMk/>
            <pc:sldMk cId="2678455207" sldId="302"/>
            <ac:spMk id="74" creationId="{2B99B54D-A487-C940-9FA9-9CEB7A9000D7}"/>
          </ac:spMkLst>
        </pc:spChg>
        <pc:spChg chg="add mod">
          <ac:chgData name="Joern Andreas Appelt" userId="98b46129-6d0a-4894-933b-fbbcf2e18e6b" providerId="ADAL" clId="{EF85B3A0-783B-BF4C-AABC-B96681C31B33}" dt="2020-11-12T14:19:15.891" v="1116" actId="1076"/>
          <ac:spMkLst>
            <pc:docMk/>
            <pc:sldMk cId="2678455207" sldId="302"/>
            <ac:spMk id="82" creationId="{E4E7180E-FC1D-3E4F-9004-5AAFECABD039}"/>
          </ac:spMkLst>
        </pc:spChg>
        <pc:spChg chg="add mod">
          <ac:chgData name="Joern Andreas Appelt" userId="98b46129-6d0a-4894-933b-fbbcf2e18e6b" providerId="ADAL" clId="{EF85B3A0-783B-BF4C-AABC-B96681C31B33}" dt="2020-11-13T06:48:54.082" v="1712" actId="20577"/>
          <ac:spMkLst>
            <pc:docMk/>
            <pc:sldMk cId="2678455207" sldId="302"/>
            <ac:spMk id="87" creationId="{EFE65F37-2BA9-D446-85EB-9B9921ADFC0B}"/>
          </ac:spMkLst>
        </pc:spChg>
        <pc:spChg chg="add mod">
          <ac:chgData name="Joern Andreas Appelt" userId="98b46129-6d0a-4894-933b-fbbcf2e18e6b" providerId="ADAL" clId="{EF85B3A0-783B-BF4C-AABC-B96681C31B33}" dt="2020-11-13T06:49:20.183" v="1747" actId="14100"/>
          <ac:spMkLst>
            <pc:docMk/>
            <pc:sldMk cId="2678455207" sldId="302"/>
            <ac:spMk id="89" creationId="{4AE939ED-0C49-B140-BD08-8989280BBB05}"/>
          </ac:spMkLst>
        </pc:spChg>
        <pc:spChg chg="add mod">
          <ac:chgData name="Joern Andreas Appelt" userId="98b46129-6d0a-4894-933b-fbbcf2e18e6b" providerId="ADAL" clId="{EF85B3A0-783B-BF4C-AABC-B96681C31B33}" dt="2020-11-13T06:47:46.641" v="1686" actId="14100"/>
          <ac:spMkLst>
            <pc:docMk/>
            <pc:sldMk cId="2678455207" sldId="302"/>
            <ac:spMk id="91" creationId="{DAFF9503-3589-934B-B71F-303275FAB3B7}"/>
          </ac:spMkLst>
        </pc:spChg>
        <pc:spChg chg="add mod">
          <ac:chgData name="Joern Andreas Appelt" userId="98b46129-6d0a-4894-933b-fbbcf2e18e6b" providerId="ADAL" clId="{EF85B3A0-783B-BF4C-AABC-B96681C31B33}" dt="2020-11-13T06:46:01.366" v="1580" actId="20577"/>
          <ac:spMkLst>
            <pc:docMk/>
            <pc:sldMk cId="2678455207" sldId="302"/>
            <ac:spMk id="99" creationId="{9E91681A-43A1-774C-B5AF-FFA5642E2A0F}"/>
          </ac:spMkLst>
        </pc:spChg>
        <pc:spChg chg="add mod">
          <ac:chgData name="Joern Andreas Appelt" userId="98b46129-6d0a-4894-933b-fbbcf2e18e6b" providerId="ADAL" clId="{EF85B3A0-783B-BF4C-AABC-B96681C31B33}" dt="2020-11-13T06:46:15.486" v="1603" actId="20577"/>
          <ac:spMkLst>
            <pc:docMk/>
            <pc:sldMk cId="2678455207" sldId="302"/>
            <ac:spMk id="101" creationId="{C7366148-72D7-4843-9167-14F5749CE39A}"/>
          </ac:spMkLst>
        </pc:spChg>
        <pc:spChg chg="add del mod">
          <ac:chgData name="Joern Andreas Appelt" userId="98b46129-6d0a-4894-933b-fbbcf2e18e6b" providerId="ADAL" clId="{EF85B3A0-783B-BF4C-AABC-B96681C31B33}" dt="2020-11-13T06:44:12.090" v="1486" actId="478"/>
          <ac:spMkLst>
            <pc:docMk/>
            <pc:sldMk cId="2678455207" sldId="302"/>
            <ac:spMk id="103" creationId="{57D16F3E-64CC-5642-95DC-2E4FA50AD87A}"/>
          </ac:spMkLst>
        </pc:spChg>
        <pc:spChg chg="add del mod">
          <ac:chgData name="Joern Andreas Appelt" userId="98b46129-6d0a-4894-933b-fbbcf2e18e6b" providerId="ADAL" clId="{EF85B3A0-783B-BF4C-AABC-B96681C31B33}" dt="2020-11-12T15:12:04.931" v="1262"/>
          <ac:spMkLst>
            <pc:docMk/>
            <pc:sldMk cId="2678455207" sldId="302"/>
            <ac:spMk id="116" creationId="{65097AFA-51DA-8046-B0DC-F8C52F0929D8}"/>
          </ac:spMkLst>
        </pc:spChg>
        <pc:spChg chg="add del mod">
          <ac:chgData name="Joern Andreas Appelt" userId="98b46129-6d0a-4894-933b-fbbcf2e18e6b" providerId="ADAL" clId="{EF85B3A0-783B-BF4C-AABC-B96681C31B33}" dt="2020-11-12T16:06:30.807" v="1417"/>
          <ac:spMkLst>
            <pc:docMk/>
            <pc:sldMk cId="2678455207" sldId="302"/>
            <ac:spMk id="118" creationId="{521E17C6-7916-774B-8856-C4DD90336ED7}"/>
          </ac:spMkLst>
        </pc:spChg>
        <pc:cxnChg chg="add mod">
          <ac:chgData name="Joern Andreas Appelt" userId="98b46129-6d0a-4894-933b-fbbcf2e18e6b" providerId="ADAL" clId="{EF85B3A0-783B-BF4C-AABC-B96681C31B33}" dt="2020-11-12T15:09:44.334" v="1156" actId="14100"/>
          <ac:cxnSpMkLst>
            <pc:docMk/>
            <pc:sldMk cId="2678455207" sldId="302"/>
            <ac:cxnSpMk id="9" creationId="{DAC4C23A-A660-2848-992D-EBC6C8804C97}"/>
          </ac:cxnSpMkLst>
        </pc:cxnChg>
        <pc:cxnChg chg="add mod">
          <ac:chgData name="Joern Andreas Appelt" userId="98b46129-6d0a-4894-933b-fbbcf2e18e6b" providerId="ADAL" clId="{EF85B3A0-783B-BF4C-AABC-B96681C31B33}" dt="2020-11-12T13:45:18.205" v="636" actId="1037"/>
          <ac:cxnSpMkLst>
            <pc:docMk/>
            <pc:sldMk cId="2678455207" sldId="302"/>
            <ac:cxnSpMk id="12" creationId="{213F54EC-2B68-8F46-8752-2B8A00E36252}"/>
          </ac:cxnSpMkLst>
        </pc:cxnChg>
        <pc:cxnChg chg="add mod">
          <ac:chgData name="Joern Andreas Appelt" userId="98b46129-6d0a-4894-933b-fbbcf2e18e6b" providerId="ADAL" clId="{EF85B3A0-783B-BF4C-AABC-B96681C31B33}" dt="2020-11-12T13:14:38.681" v="185" actId="1037"/>
          <ac:cxnSpMkLst>
            <pc:docMk/>
            <pc:sldMk cId="2678455207" sldId="302"/>
            <ac:cxnSpMk id="13" creationId="{4F23D61C-FA36-AC46-A498-63EF0FC9E26D}"/>
          </ac:cxnSpMkLst>
        </pc:cxnChg>
        <pc:cxnChg chg="add del mod">
          <ac:chgData name="Joern Andreas Appelt" userId="98b46129-6d0a-4894-933b-fbbcf2e18e6b" providerId="ADAL" clId="{EF85B3A0-783B-BF4C-AABC-B96681C31B33}" dt="2020-11-12T13:14:26.346" v="143" actId="478"/>
          <ac:cxnSpMkLst>
            <pc:docMk/>
            <pc:sldMk cId="2678455207" sldId="302"/>
            <ac:cxnSpMk id="14" creationId="{5F7968A7-75CA-6746-9BF4-BA7D4D7FCD1E}"/>
          </ac:cxnSpMkLst>
        </pc:cxnChg>
        <pc:cxnChg chg="add mod">
          <ac:chgData name="Joern Andreas Appelt" userId="98b46129-6d0a-4894-933b-fbbcf2e18e6b" providerId="ADAL" clId="{EF85B3A0-783B-BF4C-AABC-B96681C31B33}" dt="2020-11-12T13:52:17.335" v="710" actId="14100"/>
          <ac:cxnSpMkLst>
            <pc:docMk/>
            <pc:sldMk cId="2678455207" sldId="302"/>
            <ac:cxnSpMk id="19" creationId="{29F5BE67-FDB0-B046-B2B6-F0D394856A12}"/>
          </ac:cxnSpMkLst>
        </pc:cxnChg>
        <pc:cxnChg chg="add mod">
          <ac:chgData name="Joern Andreas Appelt" userId="98b46129-6d0a-4894-933b-fbbcf2e18e6b" providerId="ADAL" clId="{EF85B3A0-783B-BF4C-AABC-B96681C31B33}" dt="2020-11-12T13:51:18.007" v="700" actId="14100"/>
          <ac:cxnSpMkLst>
            <pc:docMk/>
            <pc:sldMk cId="2678455207" sldId="302"/>
            <ac:cxnSpMk id="20" creationId="{86606CDD-1ADD-1D49-A25B-9814102F2732}"/>
          </ac:cxnSpMkLst>
        </pc:cxnChg>
        <pc:cxnChg chg="add mod">
          <ac:chgData name="Joern Andreas Appelt" userId="98b46129-6d0a-4894-933b-fbbcf2e18e6b" providerId="ADAL" clId="{EF85B3A0-783B-BF4C-AABC-B96681C31B33}" dt="2020-11-12T13:55:29.831" v="755" actId="1037"/>
          <ac:cxnSpMkLst>
            <pc:docMk/>
            <pc:sldMk cId="2678455207" sldId="302"/>
            <ac:cxnSpMk id="21" creationId="{18225D7A-43B1-0640-8700-B88A91EE09CB}"/>
          </ac:cxnSpMkLst>
        </pc:cxnChg>
        <pc:cxnChg chg="add del mod">
          <ac:chgData name="Joern Andreas Appelt" userId="98b46129-6d0a-4894-933b-fbbcf2e18e6b" providerId="ADAL" clId="{EF85B3A0-783B-BF4C-AABC-B96681C31B33}" dt="2020-11-12T13:20:24.345" v="341" actId="478"/>
          <ac:cxnSpMkLst>
            <pc:docMk/>
            <pc:sldMk cId="2678455207" sldId="302"/>
            <ac:cxnSpMk id="26" creationId="{BCB2FD42-4F04-A34E-BE89-D3BB73913A28}"/>
          </ac:cxnSpMkLst>
        </pc:cxnChg>
        <pc:cxnChg chg="add del mod">
          <ac:chgData name="Joern Andreas Appelt" userId="98b46129-6d0a-4894-933b-fbbcf2e18e6b" providerId="ADAL" clId="{EF85B3A0-783B-BF4C-AABC-B96681C31B33}" dt="2020-11-12T13:45:12.407" v="606" actId="478"/>
          <ac:cxnSpMkLst>
            <pc:docMk/>
            <pc:sldMk cId="2678455207" sldId="302"/>
            <ac:cxnSpMk id="28" creationId="{37FEA4E2-B8FB-3046-8EC3-92C6968B0E9D}"/>
          </ac:cxnSpMkLst>
        </pc:cxnChg>
        <pc:cxnChg chg="add mod">
          <ac:chgData name="Joern Andreas Appelt" userId="98b46129-6d0a-4894-933b-fbbcf2e18e6b" providerId="ADAL" clId="{EF85B3A0-783B-BF4C-AABC-B96681C31B33}" dt="2020-11-12T13:45:48.160" v="640" actId="1076"/>
          <ac:cxnSpMkLst>
            <pc:docMk/>
            <pc:sldMk cId="2678455207" sldId="302"/>
            <ac:cxnSpMk id="31" creationId="{5C355DB3-4A40-1B43-8A31-10249ECE40BF}"/>
          </ac:cxnSpMkLst>
        </pc:cxnChg>
        <pc:cxnChg chg="add mod">
          <ac:chgData name="Joern Andreas Appelt" userId="98b46129-6d0a-4894-933b-fbbcf2e18e6b" providerId="ADAL" clId="{EF85B3A0-783B-BF4C-AABC-B96681C31B33}" dt="2020-11-12T13:47:41.359" v="658" actId="14100"/>
          <ac:cxnSpMkLst>
            <pc:docMk/>
            <pc:sldMk cId="2678455207" sldId="302"/>
            <ac:cxnSpMk id="36" creationId="{2E9C38FC-485D-3347-A2C3-25D7690DA051}"/>
          </ac:cxnSpMkLst>
        </pc:cxnChg>
        <pc:cxnChg chg="add mod">
          <ac:chgData name="Joern Andreas Appelt" userId="98b46129-6d0a-4894-933b-fbbcf2e18e6b" providerId="ADAL" clId="{EF85B3A0-783B-BF4C-AABC-B96681C31B33}" dt="2020-11-12T13:47:37.658" v="657" actId="14100"/>
          <ac:cxnSpMkLst>
            <pc:docMk/>
            <pc:sldMk cId="2678455207" sldId="302"/>
            <ac:cxnSpMk id="41" creationId="{F55EC296-7F6F-FA4A-9CB4-EDE3C135198C}"/>
          </ac:cxnSpMkLst>
        </pc:cxnChg>
        <pc:cxnChg chg="add mod">
          <ac:chgData name="Joern Andreas Appelt" userId="98b46129-6d0a-4894-933b-fbbcf2e18e6b" providerId="ADAL" clId="{EF85B3A0-783B-BF4C-AABC-B96681C31B33}" dt="2020-11-12T13:47:11.367" v="650" actId="14100"/>
          <ac:cxnSpMkLst>
            <pc:docMk/>
            <pc:sldMk cId="2678455207" sldId="302"/>
            <ac:cxnSpMk id="52" creationId="{F5CEF2BD-B02B-E541-B38D-65EB3859E1B2}"/>
          </ac:cxnSpMkLst>
        </pc:cxnChg>
        <pc:cxnChg chg="add mod">
          <ac:chgData name="Joern Andreas Appelt" userId="98b46129-6d0a-4894-933b-fbbcf2e18e6b" providerId="ADAL" clId="{EF85B3A0-783B-BF4C-AABC-B96681C31B33}" dt="2020-11-12T13:47:58.269" v="660" actId="14100"/>
          <ac:cxnSpMkLst>
            <pc:docMk/>
            <pc:sldMk cId="2678455207" sldId="302"/>
            <ac:cxnSpMk id="59" creationId="{1658FC1F-13C3-E144-8DDC-8F0837E1CEA6}"/>
          </ac:cxnSpMkLst>
        </pc:cxnChg>
        <pc:cxnChg chg="add del mod">
          <ac:chgData name="Joern Andreas Appelt" userId="98b46129-6d0a-4894-933b-fbbcf2e18e6b" providerId="ADAL" clId="{EF85B3A0-783B-BF4C-AABC-B96681C31B33}" dt="2020-11-12T15:12:05.541" v="1263" actId="478"/>
          <ac:cxnSpMkLst>
            <pc:docMk/>
            <pc:sldMk cId="2678455207" sldId="302"/>
            <ac:cxnSpMk id="63" creationId="{CC2FAAA9-77AC-684E-AF68-955E47599D08}"/>
          </ac:cxnSpMkLst>
        </pc:cxnChg>
        <pc:cxnChg chg="add mod">
          <ac:chgData name="Joern Andreas Appelt" userId="98b46129-6d0a-4894-933b-fbbcf2e18e6b" providerId="ADAL" clId="{EF85B3A0-783B-BF4C-AABC-B96681C31B33}" dt="2020-11-12T14:09:33.882" v="984" actId="14100"/>
          <ac:cxnSpMkLst>
            <pc:docMk/>
            <pc:sldMk cId="2678455207" sldId="302"/>
            <ac:cxnSpMk id="65" creationId="{130E2436-B41B-9946-87E0-18F01FC1A928}"/>
          </ac:cxnSpMkLst>
        </pc:cxnChg>
        <pc:cxnChg chg="add mod">
          <ac:chgData name="Joern Andreas Appelt" userId="98b46129-6d0a-4894-933b-fbbcf2e18e6b" providerId="ADAL" clId="{EF85B3A0-783B-BF4C-AABC-B96681C31B33}" dt="2020-11-12T14:06:20.479" v="893" actId="14100"/>
          <ac:cxnSpMkLst>
            <pc:docMk/>
            <pc:sldMk cId="2678455207" sldId="302"/>
            <ac:cxnSpMk id="73" creationId="{C23BF8E0-EDF8-7C4A-8CDB-99B46F0210A7}"/>
          </ac:cxnSpMkLst>
        </pc:cxnChg>
        <pc:cxnChg chg="add mod">
          <ac:chgData name="Joern Andreas Appelt" userId="98b46129-6d0a-4894-933b-fbbcf2e18e6b" providerId="ADAL" clId="{EF85B3A0-783B-BF4C-AABC-B96681C31B33}" dt="2020-11-12T14:08:56.264" v="938" actId="14100"/>
          <ac:cxnSpMkLst>
            <pc:docMk/>
            <pc:sldMk cId="2678455207" sldId="302"/>
            <ac:cxnSpMk id="81" creationId="{739D2EC8-D20B-A448-8ABA-3B9578C29651}"/>
          </ac:cxnSpMkLst>
        </pc:cxnChg>
        <pc:cxnChg chg="add mod">
          <ac:chgData name="Joern Andreas Appelt" userId="98b46129-6d0a-4894-933b-fbbcf2e18e6b" providerId="ADAL" clId="{EF85B3A0-783B-BF4C-AABC-B96681C31B33}" dt="2020-11-12T13:53:10.711" v="719" actId="14100"/>
          <ac:cxnSpMkLst>
            <pc:docMk/>
            <pc:sldMk cId="2678455207" sldId="302"/>
            <ac:cxnSpMk id="86" creationId="{8889F811-05BA-DE40-8A4E-0BACE5F13367}"/>
          </ac:cxnSpMkLst>
        </pc:cxnChg>
        <pc:cxnChg chg="add mod">
          <ac:chgData name="Joern Andreas Appelt" userId="98b46129-6d0a-4894-933b-fbbcf2e18e6b" providerId="ADAL" clId="{EF85B3A0-783B-BF4C-AABC-B96681C31B33}" dt="2020-11-12T13:53:32.789" v="723" actId="14100"/>
          <ac:cxnSpMkLst>
            <pc:docMk/>
            <pc:sldMk cId="2678455207" sldId="302"/>
            <ac:cxnSpMk id="88" creationId="{FB702C4D-FF5A-E047-9688-B932F2452DDB}"/>
          </ac:cxnSpMkLst>
        </pc:cxnChg>
        <pc:cxnChg chg="add mod">
          <ac:chgData name="Joern Andreas Appelt" userId="98b46129-6d0a-4894-933b-fbbcf2e18e6b" providerId="ADAL" clId="{EF85B3A0-783B-BF4C-AABC-B96681C31B33}" dt="2020-11-13T06:47:46.641" v="1686" actId="14100"/>
          <ac:cxnSpMkLst>
            <pc:docMk/>
            <pc:sldMk cId="2678455207" sldId="302"/>
            <ac:cxnSpMk id="90" creationId="{898C38A6-77FB-D546-A0D6-EABB5F4CAA47}"/>
          </ac:cxnSpMkLst>
        </pc:cxnChg>
        <pc:cxnChg chg="add mod">
          <ac:chgData name="Joern Andreas Appelt" userId="98b46129-6d0a-4894-933b-fbbcf2e18e6b" providerId="ADAL" clId="{EF85B3A0-783B-BF4C-AABC-B96681C31B33}" dt="2020-11-13T06:44:20.539" v="1511" actId="1038"/>
          <ac:cxnSpMkLst>
            <pc:docMk/>
            <pc:sldMk cId="2678455207" sldId="302"/>
            <ac:cxnSpMk id="98" creationId="{69BF5835-8785-CD4A-9B8C-33B5570C9AD9}"/>
          </ac:cxnSpMkLst>
        </pc:cxnChg>
        <pc:cxnChg chg="add mod">
          <ac:chgData name="Joern Andreas Appelt" userId="98b46129-6d0a-4894-933b-fbbcf2e18e6b" providerId="ADAL" clId="{EF85B3A0-783B-BF4C-AABC-B96681C31B33}" dt="2020-11-13T06:44:24.010" v="1512" actId="14100"/>
          <ac:cxnSpMkLst>
            <pc:docMk/>
            <pc:sldMk cId="2678455207" sldId="302"/>
            <ac:cxnSpMk id="100" creationId="{F3948A84-DC53-5244-8B59-167DA7CC5CFA}"/>
          </ac:cxnSpMkLst>
        </pc:cxnChg>
        <pc:cxnChg chg="add del mod">
          <ac:chgData name="Joern Andreas Appelt" userId="98b46129-6d0a-4894-933b-fbbcf2e18e6b" providerId="ADAL" clId="{EF85B3A0-783B-BF4C-AABC-B96681C31B33}" dt="2020-11-13T06:44:12.090" v="1486" actId="478"/>
          <ac:cxnSpMkLst>
            <pc:docMk/>
            <pc:sldMk cId="2678455207" sldId="302"/>
            <ac:cxnSpMk id="102" creationId="{BA4F2536-A5E3-9A4D-A320-C37ACDC71B8C}"/>
          </ac:cxnSpMkLst>
        </pc:cxnChg>
        <pc:cxnChg chg="add del mod">
          <ac:chgData name="Joern Andreas Appelt" userId="98b46129-6d0a-4894-933b-fbbcf2e18e6b" providerId="ADAL" clId="{EF85B3A0-783B-BF4C-AABC-B96681C31B33}" dt="2020-11-12T15:12:04.931" v="1262"/>
          <ac:cxnSpMkLst>
            <pc:docMk/>
            <pc:sldMk cId="2678455207" sldId="302"/>
            <ac:cxnSpMk id="115" creationId="{6150B142-AFED-014C-9D21-37B5F98B3212}"/>
          </ac:cxnSpMkLst>
        </pc:cxnChg>
      </pc:sldChg>
      <pc:sldChg chg="ord">
        <pc:chgData name="Joern Andreas Appelt" userId="98b46129-6d0a-4894-933b-fbbcf2e18e6b" providerId="ADAL" clId="{EF85B3A0-783B-BF4C-AABC-B96681C31B33}" dt="2020-11-27T10:39:20.091" v="1748" actId="20578"/>
        <pc:sldMkLst>
          <pc:docMk/>
          <pc:sldMk cId="3041848815" sldId="304"/>
        </pc:sldMkLst>
      </pc:sldChg>
    </pc:docChg>
  </pc:docChgLst>
  <pc:docChgLst>
    <pc:chgData name="Prasad Jagtap" userId="S::s200109@win.dtu.dk::11453833-8954-4db7-bf9d-87af5de79883" providerId="AD" clId="Web-{647A6544-41D3-4548-AF56-BDD44780E52F}"/>
    <pc:docChg chg="modSld">
      <pc:chgData name="Prasad Jagtap" userId="S::s200109@win.dtu.dk::11453833-8954-4db7-bf9d-87af5de79883" providerId="AD" clId="Web-{647A6544-41D3-4548-AF56-BDD44780E52F}" dt="2020-11-13T11:28:16.950" v="5" actId="1076"/>
      <pc:docMkLst>
        <pc:docMk/>
      </pc:docMkLst>
      <pc:sldChg chg="delSp modSp">
        <pc:chgData name="Prasad Jagtap" userId="S::s200109@win.dtu.dk::11453833-8954-4db7-bf9d-87af5de79883" providerId="AD" clId="Web-{647A6544-41D3-4548-AF56-BDD44780E52F}" dt="2020-11-13T11:28:16.950" v="5" actId="1076"/>
        <pc:sldMkLst>
          <pc:docMk/>
          <pc:sldMk cId="1814185581" sldId="303"/>
        </pc:sldMkLst>
        <pc:spChg chg="del">
          <ac:chgData name="Prasad Jagtap" userId="S::s200109@win.dtu.dk::11453833-8954-4db7-bf9d-87af5de79883" providerId="AD" clId="Web-{647A6544-41D3-4548-AF56-BDD44780E52F}" dt="2020-11-13T11:26:53.822" v="1"/>
          <ac:spMkLst>
            <pc:docMk/>
            <pc:sldMk cId="1814185581" sldId="303"/>
            <ac:spMk id="14" creationId="{9368ABC3-BBCD-4E3E-AA48-2C39615388E5}"/>
          </ac:spMkLst>
        </pc:spChg>
        <pc:picChg chg="mod">
          <ac:chgData name="Prasad Jagtap" userId="S::s200109@win.dtu.dk::11453833-8954-4db7-bf9d-87af5de79883" providerId="AD" clId="Web-{647A6544-41D3-4548-AF56-BDD44780E52F}" dt="2020-11-13T11:28:16.950" v="5" actId="1076"/>
          <ac:picMkLst>
            <pc:docMk/>
            <pc:sldMk cId="1814185581" sldId="303"/>
            <ac:picMk id="6" creationId="{907D6D1E-CB68-4D74-BEE2-E473EBEBCC5D}"/>
          </ac:picMkLst>
        </pc:picChg>
      </pc:sldChg>
    </pc:docChg>
  </pc:docChgLst>
  <pc:docChgLst>
    <pc:chgData name="Prasad Jagtap" userId="S::s200109@win.dtu.dk::11453833-8954-4db7-bf9d-87af5de79883" providerId="AD" clId="Web-{CBB79BDE-0CF5-490D-B6F1-0C04F92C7EAF}"/>
    <pc:docChg chg="modSld">
      <pc:chgData name="Prasad Jagtap" userId="S::s200109@win.dtu.dk::11453833-8954-4db7-bf9d-87af5de79883" providerId="AD" clId="Web-{CBB79BDE-0CF5-490D-B6F1-0C04F92C7EAF}" dt="2020-12-07T23:47:54.113" v="6" actId="1076"/>
      <pc:docMkLst>
        <pc:docMk/>
      </pc:docMkLst>
      <pc:sldChg chg="modSp">
        <pc:chgData name="Prasad Jagtap" userId="S::s200109@win.dtu.dk::11453833-8954-4db7-bf9d-87af5de79883" providerId="AD" clId="Web-{CBB79BDE-0CF5-490D-B6F1-0C04F92C7EAF}" dt="2020-12-07T23:47:54.113" v="6" actId="1076"/>
        <pc:sldMkLst>
          <pc:docMk/>
          <pc:sldMk cId="4144805983" sldId="301"/>
        </pc:sldMkLst>
        <pc:spChg chg="mod">
          <ac:chgData name="Prasad Jagtap" userId="S::s200109@win.dtu.dk::11453833-8954-4db7-bf9d-87af5de79883" providerId="AD" clId="Web-{CBB79BDE-0CF5-490D-B6F1-0C04F92C7EAF}" dt="2020-12-07T23:47:54.113" v="6" actId="1076"/>
          <ac:spMkLst>
            <pc:docMk/>
            <pc:sldMk cId="4144805983" sldId="301"/>
            <ac:spMk id="48" creationId="{12FD9661-58B4-3F43-B850-E3D271BD11AE}"/>
          </ac:spMkLst>
        </pc:spChg>
        <pc:spChg chg="mod">
          <ac:chgData name="Prasad Jagtap" userId="S::s200109@win.dtu.dk::11453833-8954-4db7-bf9d-87af5de79883" providerId="AD" clId="Web-{CBB79BDE-0CF5-490D-B6F1-0C04F92C7EAF}" dt="2020-12-07T23:47:16.003" v="3" actId="1076"/>
          <ac:spMkLst>
            <pc:docMk/>
            <pc:sldMk cId="4144805983" sldId="301"/>
            <ac:spMk id="52" creationId="{FEE7AEE3-178B-1A4C-8619-03800DFECE8C}"/>
          </ac:spMkLst>
        </pc:spChg>
        <pc:spChg chg="mod">
          <ac:chgData name="Prasad Jagtap" userId="S::s200109@win.dtu.dk::11453833-8954-4db7-bf9d-87af5de79883" providerId="AD" clId="Web-{CBB79BDE-0CF5-490D-B6F1-0C04F92C7EAF}" dt="2020-12-07T23:47:36.878" v="4" actId="1076"/>
          <ac:spMkLst>
            <pc:docMk/>
            <pc:sldMk cId="4144805983" sldId="301"/>
            <ac:spMk id="66" creationId="{65B6845B-E842-1841-9347-6E0F2ADE05F8}"/>
          </ac:spMkLst>
        </pc:spChg>
        <pc:spChg chg="mod">
          <ac:chgData name="Prasad Jagtap" userId="S::s200109@win.dtu.dk::11453833-8954-4db7-bf9d-87af5de79883" providerId="AD" clId="Web-{CBB79BDE-0CF5-490D-B6F1-0C04F92C7EAF}" dt="2020-12-07T23:47:11.753" v="2" actId="1076"/>
          <ac:spMkLst>
            <pc:docMk/>
            <pc:sldMk cId="4144805983" sldId="301"/>
            <ac:spMk id="70" creationId="{B21C7B36-6841-C642-BFDE-0B08B9AF99F2}"/>
          </ac:spMkLst>
        </pc:spChg>
        <pc:spChg chg="mod">
          <ac:chgData name="Prasad Jagtap" userId="S::s200109@win.dtu.dk::11453833-8954-4db7-bf9d-87af5de79883" providerId="AD" clId="Web-{CBB79BDE-0CF5-490D-B6F1-0C04F92C7EAF}" dt="2020-12-07T23:46:58.315" v="0" actId="1076"/>
          <ac:spMkLst>
            <pc:docMk/>
            <pc:sldMk cId="4144805983" sldId="301"/>
            <ac:spMk id="97" creationId="{64B2F49B-465F-124C-9D34-A5915D8F72B7}"/>
          </ac:spMkLst>
        </pc:spChg>
        <pc:cxnChg chg="mod">
          <ac:chgData name="Prasad Jagtap" userId="S::s200109@win.dtu.dk::11453833-8954-4db7-bf9d-87af5de79883" providerId="AD" clId="Web-{CBB79BDE-0CF5-490D-B6F1-0C04F92C7EAF}" dt="2020-12-07T23:47:45.629" v="5" actId="1076"/>
          <ac:cxnSpMkLst>
            <pc:docMk/>
            <pc:sldMk cId="4144805983" sldId="301"/>
            <ac:cxnSpMk id="58" creationId="{FBE74FA6-5E88-254D-80D3-1D4D876D2E97}"/>
          </ac:cxnSpMkLst>
        </pc:cxnChg>
        <pc:cxnChg chg="mod">
          <ac:chgData name="Prasad Jagtap" userId="S::s200109@win.dtu.dk::11453833-8954-4db7-bf9d-87af5de79883" providerId="AD" clId="Web-{CBB79BDE-0CF5-490D-B6F1-0C04F92C7EAF}" dt="2020-12-07T23:47:03.472" v="1" actId="14100"/>
          <ac:cxnSpMkLst>
            <pc:docMk/>
            <pc:sldMk cId="4144805983" sldId="301"/>
            <ac:cxnSpMk id="84" creationId="{56FFEDCC-9F70-8D46-874E-23F1F5820090}"/>
          </ac:cxnSpMkLst>
        </pc:cxnChg>
      </pc:sldChg>
    </pc:docChg>
  </pc:docChgLst>
  <pc:docChgLst>
    <pc:chgData name="Prasad Jagtap" userId="S::s200109@win.dtu.dk::11453833-8954-4db7-bf9d-87af5de79883" providerId="AD" clId="Web-{895672E1-A50C-4277-85E3-D2D3A8A20AB3}"/>
    <pc:docChg chg="modSld">
      <pc:chgData name="Prasad Jagtap" userId="S::s200109@win.dtu.dk::11453833-8954-4db7-bf9d-87af5de79883" providerId="AD" clId="Web-{895672E1-A50C-4277-85E3-D2D3A8A20AB3}" dt="2020-11-25T23:49:56.101" v="421"/>
      <pc:docMkLst>
        <pc:docMk/>
      </pc:docMkLst>
      <pc:sldChg chg="modSp">
        <pc:chgData name="Prasad Jagtap" userId="S::s200109@win.dtu.dk::11453833-8954-4db7-bf9d-87af5de79883" providerId="AD" clId="Web-{895672E1-A50C-4277-85E3-D2D3A8A20AB3}" dt="2020-11-25T23:38:06.786" v="283" actId="20577"/>
        <pc:sldMkLst>
          <pc:docMk/>
          <pc:sldMk cId="1366065165" sldId="260"/>
        </pc:sldMkLst>
        <pc:spChg chg="mod">
          <ac:chgData name="Prasad Jagtap" userId="S::s200109@win.dtu.dk::11453833-8954-4db7-bf9d-87af5de79883" providerId="AD" clId="Web-{895672E1-A50C-4277-85E3-D2D3A8A20AB3}" dt="2020-11-25T23:38:06.786" v="283" actId="20577"/>
          <ac:spMkLst>
            <pc:docMk/>
            <pc:sldMk cId="1366065165" sldId="260"/>
            <ac:spMk id="3" creationId="{7B53CC9E-AF60-437D-A928-88A9C16B7DA9}"/>
          </ac:spMkLst>
        </pc:spChg>
      </pc:sldChg>
      <pc:sldChg chg="mod modShow">
        <pc:chgData name="Prasad Jagtap" userId="S::s200109@win.dtu.dk::11453833-8954-4db7-bf9d-87af5de79883" providerId="AD" clId="Web-{895672E1-A50C-4277-85E3-D2D3A8A20AB3}" dt="2020-11-25T23:32:08.973" v="240"/>
        <pc:sldMkLst>
          <pc:docMk/>
          <pc:sldMk cId="3275797173" sldId="290"/>
        </pc:sldMkLst>
      </pc:sldChg>
      <pc:sldChg chg="addSp delSp modSp mod modClrScheme addAnim delAnim modAnim chgLayout">
        <pc:chgData name="Prasad Jagtap" userId="S::s200109@win.dtu.dk::11453833-8954-4db7-bf9d-87af5de79883" providerId="AD" clId="Web-{895672E1-A50C-4277-85E3-D2D3A8A20AB3}" dt="2020-11-25T23:49:56.101" v="421"/>
        <pc:sldMkLst>
          <pc:docMk/>
          <pc:sldMk cId="3229891772" sldId="302"/>
        </pc:sldMkLst>
        <pc:spChg chg="mod">
          <ac:chgData name="Prasad Jagtap" userId="S::s200109@win.dtu.dk::11453833-8954-4db7-bf9d-87af5de79883" providerId="AD" clId="Web-{895672E1-A50C-4277-85E3-D2D3A8A20AB3}" dt="2020-11-25T23:19:47.252" v="147"/>
          <ac:spMkLst>
            <pc:docMk/>
            <pc:sldMk cId="3229891772" sldId="302"/>
            <ac:spMk id="2" creationId="{DFAC4A05-D5B5-493B-AC57-9A648A2E743E}"/>
          </ac:spMkLst>
        </pc:spChg>
        <pc:spChg chg="mod">
          <ac:chgData name="Prasad Jagtap" userId="S::s200109@win.dtu.dk::11453833-8954-4db7-bf9d-87af5de79883" providerId="AD" clId="Web-{895672E1-A50C-4277-85E3-D2D3A8A20AB3}" dt="2020-11-25T23:48:16.741" v="396" actId="20577"/>
          <ac:spMkLst>
            <pc:docMk/>
            <pc:sldMk cId="3229891772" sldId="302"/>
            <ac:spMk id="3" creationId="{85FF25C4-CD77-4EF5-9C33-05DF77B36B40}"/>
          </ac:spMkLst>
        </pc:spChg>
        <pc:spChg chg="del">
          <ac:chgData name="Prasad Jagtap" userId="S::s200109@win.dtu.dk::11453833-8954-4db7-bf9d-87af5de79883" providerId="AD" clId="Web-{895672E1-A50C-4277-85E3-D2D3A8A20AB3}" dt="2020-11-25T23:07:54.188" v="0"/>
          <ac:spMkLst>
            <pc:docMk/>
            <pc:sldMk cId="3229891772" sldId="302"/>
            <ac:spMk id="4" creationId="{7728737F-AFD3-4897-BB31-2223A251503F}"/>
          </ac:spMkLst>
        </pc:spChg>
        <pc:spChg chg="mod">
          <ac:chgData name="Prasad Jagtap" userId="S::s200109@win.dtu.dk::11453833-8954-4db7-bf9d-87af5de79883" providerId="AD" clId="Web-{895672E1-A50C-4277-85E3-D2D3A8A20AB3}" dt="2020-11-25T23:19:47.252" v="147"/>
          <ac:spMkLst>
            <pc:docMk/>
            <pc:sldMk cId="3229891772" sldId="302"/>
            <ac:spMk id="5" creationId="{D35DA92A-BD01-4079-BE0B-40166A8ECCA7}"/>
          </ac:spMkLst>
        </pc:spChg>
        <pc:spChg chg="add mod">
          <ac:chgData name="Prasad Jagtap" userId="S::s200109@win.dtu.dk::11453833-8954-4db7-bf9d-87af5de79883" providerId="AD" clId="Web-{895672E1-A50C-4277-85E3-D2D3A8A20AB3}" dt="2020-11-25T23:39:55.193" v="290" actId="1076"/>
          <ac:spMkLst>
            <pc:docMk/>
            <pc:sldMk cId="3229891772" sldId="302"/>
            <ac:spMk id="6" creationId="{C5C61828-2FCD-4F83-AE68-6DECEA639D33}"/>
          </ac:spMkLst>
        </pc:spChg>
        <pc:spChg chg="add mod">
          <ac:chgData name="Prasad Jagtap" userId="S::s200109@win.dtu.dk::11453833-8954-4db7-bf9d-87af5de79883" providerId="AD" clId="Web-{895672E1-A50C-4277-85E3-D2D3A8A20AB3}" dt="2020-11-25T23:29:48.519" v="234" actId="14100"/>
          <ac:spMkLst>
            <pc:docMk/>
            <pc:sldMk cId="3229891772" sldId="302"/>
            <ac:spMk id="8" creationId="{E2EA807B-76F2-4CBD-8E74-D9123BC72277}"/>
          </ac:spMkLst>
        </pc:spChg>
        <pc:spChg chg="add del mod">
          <ac:chgData name="Prasad Jagtap" userId="S::s200109@win.dtu.dk::11453833-8954-4db7-bf9d-87af5de79883" providerId="AD" clId="Web-{895672E1-A50C-4277-85E3-D2D3A8A20AB3}" dt="2020-11-25T23:19:47.252" v="147"/>
          <ac:spMkLst>
            <pc:docMk/>
            <pc:sldMk cId="3229891772" sldId="302"/>
            <ac:spMk id="10" creationId="{C0FE8BD9-E8E3-4428-898A-E8B754A4BFBD}"/>
          </ac:spMkLst>
        </pc:spChg>
        <pc:spChg chg="add del mod">
          <ac:chgData name="Prasad Jagtap" userId="S::s200109@win.dtu.dk::11453833-8954-4db7-bf9d-87af5de79883" providerId="AD" clId="Web-{895672E1-A50C-4277-85E3-D2D3A8A20AB3}" dt="2020-11-25T23:24:28.612" v="212"/>
          <ac:spMkLst>
            <pc:docMk/>
            <pc:sldMk cId="3229891772" sldId="302"/>
            <ac:spMk id="11" creationId="{6DF22025-3F93-4CA5-A2BF-036FB70AF1D0}"/>
          </ac:spMkLst>
        </pc:spChg>
        <pc:spChg chg="add del">
          <ac:chgData name="Prasad Jagtap" userId="S::s200109@win.dtu.dk::11453833-8954-4db7-bf9d-87af5de79883" providerId="AD" clId="Web-{895672E1-A50C-4277-85E3-D2D3A8A20AB3}" dt="2020-11-25T23:32:31.520" v="242"/>
          <ac:spMkLst>
            <pc:docMk/>
            <pc:sldMk cId="3229891772" sldId="302"/>
            <ac:spMk id="16" creationId="{E4578FB9-C677-4CA7-81EC-FA18130B834F}"/>
          </ac:spMkLst>
        </pc:spChg>
        <pc:spChg chg="add mod ord">
          <ac:chgData name="Prasad Jagtap" userId="S::s200109@win.dtu.dk::11453833-8954-4db7-bf9d-87af5de79883" providerId="AD" clId="Web-{895672E1-A50C-4277-85E3-D2D3A8A20AB3}" dt="2020-11-25T23:38:51.833" v="285" actId="20577"/>
          <ac:spMkLst>
            <pc:docMk/>
            <pc:sldMk cId="3229891772" sldId="302"/>
            <ac:spMk id="17" creationId="{EF997C5E-DC7B-4922-B6E5-A01ACAE99C66}"/>
          </ac:spMkLst>
        </pc:spChg>
        <pc:spChg chg="add mod">
          <ac:chgData name="Prasad Jagtap" userId="S::s200109@win.dtu.dk::11453833-8954-4db7-bf9d-87af5de79883" providerId="AD" clId="Web-{895672E1-A50C-4277-85E3-D2D3A8A20AB3}" dt="2020-11-25T23:48:25.944" v="397" actId="1076"/>
          <ac:spMkLst>
            <pc:docMk/>
            <pc:sldMk cId="3229891772" sldId="302"/>
            <ac:spMk id="21" creationId="{0053DE70-9568-469E-94A7-A7587E880326}"/>
          </ac:spMkLst>
        </pc:spChg>
        <pc:spChg chg="add mod">
          <ac:chgData name="Prasad Jagtap" userId="S::s200109@win.dtu.dk::11453833-8954-4db7-bf9d-87af5de79883" providerId="AD" clId="Web-{895672E1-A50C-4277-85E3-D2D3A8A20AB3}" dt="2020-11-25T23:48:30.413" v="398" actId="1076"/>
          <ac:spMkLst>
            <pc:docMk/>
            <pc:sldMk cId="3229891772" sldId="302"/>
            <ac:spMk id="22" creationId="{A9F6EF23-8B2D-4ABF-A396-9963887B87E9}"/>
          </ac:spMkLst>
        </pc:spChg>
        <pc:picChg chg="add mod">
          <ac:chgData name="Prasad Jagtap" userId="S::s200109@win.dtu.dk::11453833-8954-4db7-bf9d-87af5de79883" providerId="AD" clId="Web-{895672E1-A50C-4277-85E3-D2D3A8A20AB3}" dt="2020-11-25T23:49:11.132" v="410" actId="1076"/>
          <ac:picMkLst>
            <pc:docMk/>
            <pc:sldMk cId="3229891772" sldId="302"/>
            <ac:picMk id="12" creationId="{4BBDDBE3-9474-4A2A-8F83-889B3CEB92DB}"/>
          </ac:picMkLst>
        </pc:picChg>
        <pc:picChg chg="add mod">
          <ac:chgData name="Prasad Jagtap" userId="S::s200109@win.dtu.dk::11453833-8954-4db7-bf9d-87af5de79883" providerId="AD" clId="Web-{895672E1-A50C-4277-85E3-D2D3A8A20AB3}" dt="2020-11-25T23:48:49.350" v="403" actId="1076"/>
          <ac:picMkLst>
            <pc:docMk/>
            <pc:sldMk cId="3229891772" sldId="302"/>
            <ac:picMk id="13" creationId="{E3D0F1C2-BDF9-4259-A8B0-529FD3A88A00}"/>
          </ac:picMkLst>
        </pc:picChg>
        <pc:picChg chg="add mod">
          <ac:chgData name="Prasad Jagtap" userId="S::s200109@win.dtu.dk::11453833-8954-4db7-bf9d-87af5de79883" providerId="AD" clId="Web-{895672E1-A50C-4277-85E3-D2D3A8A20AB3}" dt="2020-11-25T23:49:00.350" v="406" actId="1076"/>
          <ac:picMkLst>
            <pc:docMk/>
            <pc:sldMk cId="3229891772" sldId="302"/>
            <ac:picMk id="14" creationId="{64A615E8-201F-415A-A6CD-69BA8CE0321B}"/>
          </ac:picMkLst>
        </pc:picChg>
        <pc:picChg chg="add mod">
          <ac:chgData name="Prasad Jagtap" userId="S::s200109@win.dtu.dk::11453833-8954-4db7-bf9d-87af5de79883" providerId="AD" clId="Web-{895672E1-A50C-4277-85E3-D2D3A8A20AB3}" dt="2020-11-25T23:49:19.163" v="413" actId="1076"/>
          <ac:picMkLst>
            <pc:docMk/>
            <pc:sldMk cId="3229891772" sldId="302"/>
            <ac:picMk id="15" creationId="{1373C73C-1BA3-4867-9E22-9660274BE36F}"/>
          </ac:picMkLst>
        </pc:picChg>
        <pc:cxnChg chg="add mod">
          <ac:chgData name="Prasad Jagtap" userId="S::s200109@win.dtu.dk::11453833-8954-4db7-bf9d-87af5de79883" providerId="AD" clId="Web-{895672E1-A50C-4277-85E3-D2D3A8A20AB3}" dt="2020-11-25T23:41:01.177" v="300"/>
          <ac:cxnSpMkLst>
            <pc:docMk/>
            <pc:sldMk cId="3229891772" sldId="302"/>
            <ac:cxnSpMk id="18" creationId="{3BDAC876-CAAB-4371-962C-7D5376554C56}"/>
          </ac:cxnSpMkLst>
        </pc:cxnChg>
        <pc:cxnChg chg="add mod">
          <ac:chgData name="Prasad Jagtap" userId="S::s200109@win.dtu.dk::11453833-8954-4db7-bf9d-87af5de79883" providerId="AD" clId="Web-{895672E1-A50C-4277-85E3-D2D3A8A20AB3}" dt="2020-11-25T23:41:11.505" v="302" actId="1076"/>
          <ac:cxnSpMkLst>
            <pc:docMk/>
            <pc:sldMk cId="3229891772" sldId="302"/>
            <ac:cxnSpMk id="19" creationId="{9FB863CD-6FAE-4795-8C9D-C5599B844228}"/>
          </ac:cxnSpMkLst>
        </pc:cxnChg>
      </pc:sldChg>
    </pc:docChg>
  </pc:docChgLst>
  <pc:docChgLst>
    <pc:chgData name="Shubham Sanjay Ingole" userId="S::s200092@win.dtu.dk::ec40096c-0047-4d8d-8a90-1675687b99a4" providerId="AD" clId="Web-{1D1EF0F2-F887-4A02-A711-C1EF6F24B065}"/>
    <pc:docChg chg="modSld">
      <pc:chgData name="Shubham Sanjay Ingole" userId="S::s200092@win.dtu.dk::ec40096c-0047-4d8d-8a90-1675687b99a4" providerId="AD" clId="Web-{1D1EF0F2-F887-4A02-A711-C1EF6F24B065}" dt="2020-11-13T10:11:16.631" v="7" actId="14100"/>
      <pc:docMkLst>
        <pc:docMk/>
      </pc:docMkLst>
      <pc:sldChg chg="modSp">
        <pc:chgData name="Shubham Sanjay Ingole" userId="S::s200092@win.dtu.dk::ec40096c-0047-4d8d-8a90-1675687b99a4" providerId="AD" clId="Web-{1D1EF0F2-F887-4A02-A711-C1EF6F24B065}" dt="2020-11-13T10:11:16.631" v="7" actId="14100"/>
        <pc:sldMkLst>
          <pc:docMk/>
          <pc:sldMk cId="2678455207" sldId="302"/>
        </pc:sldMkLst>
        <pc:spChg chg="mod">
          <ac:chgData name="Shubham Sanjay Ingole" userId="S::s200092@win.dtu.dk::ec40096c-0047-4d8d-8a90-1675687b99a4" providerId="AD" clId="Web-{1D1EF0F2-F887-4A02-A711-C1EF6F24B065}" dt="2020-11-13T10:11:16.631" v="7" actId="14100"/>
          <ac:spMkLst>
            <pc:docMk/>
            <pc:sldMk cId="2678455207" sldId="302"/>
            <ac:spMk id="24" creationId="{CB01391D-EE88-5D4B-B522-B265ABD2A438}"/>
          </ac:spMkLst>
        </pc:spChg>
        <pc:spChg chg="mod">
          <ac:chgData name="Shubham Sanjay Ingole" userId="S::s200092@win.dtu.dk::ec40096c-0047-4d8d-8a90-1675687b99a4" providerId="AD" clId="Web-{1D1EF0F2-F887-4A02-A711-C1EF6F24B065}" dt="2020-11-13T10:10:41.411" v="0" actId="14100"/>
          <ac:spMkLst>
            <pc:docMk/>
            <pc:sldMk cId="2678455207" sldId="302"/>
            <ac:spMk id="32" creationId="{FFE98FEF-41FA-D649-9794-9709B04686EE}"/>
          </ac:spMkLst>
        </pc:spChg>
        <pc:spChg chg="mod">
          <ac:chgData name="Shubham Sanjay Ingole" userId="S::s200092@win.dtu.dk::ec40096c-0047-4d8d-8a90-1675687b99a4" providerId="AD" clId="Web-{1D1EF0F2-F887-4A02-A711-C1EF6F24B065}" dt="2020-11-13T10:10:55.568" v="3" actId="14100"/>
          <ac:spMkLst>
            <pc:docMk/>
            <pc:sldMk cId="2678455207" sldId="302"/>
            <ac:spMk id="42" creationId="{B0A61D49-62D1-154D-BAC0-58F6B2EB8DD2}"/>
          </ac:spMkLst>
        </pc:spChg>
        <pc:spChg chg="mod">
          <ac:chgData name="Shubham Sanjay Ingole" userId="S::s200092@win.dtu.dk::ec40096c-0047-4d8d-8a90-1675687b99a4" providerId="AD" clId="Web-{1D1EF0F2-F887-4A02-A711-C1EF6F24B065}" dt="2020-11-13T10:10:46.661" v="1" actId="14100"/>
          <ac:spMkLst>
            <pc:docMk/>
            <pc:sldMk cId="2678455207" sldId="302"/>
            <ac:spMk id="68" creationId="{2EE50DF5-FA33-6A40-9F04-3AE1C6572DB4}"/>
          </ac:spMkLst>
        </pc:spChg>
        <pc:spChg chg="mod">
          <ac:chgData name="Shubham Sanjay Ingole" userId="S::s200092@win.dtu.dk::ec40096c-0047-4d8d-8a90-1675687b99a4" providerId="AD" clId="Web-{1D1EF0F2-F887-4A02-A711-C1EF6F24B065}" dt="2020-11-13T10:10:50.693" v="2" actId="14100"/>
          <ac:spMkLst>
            <pc:docMk/>
            <pc:sldMk cId="2678455207" sldId="302"/>
            <ac:spMk id="82" creationId="{E4E7180E-FC1D-3E4F-9004-5AAFECABD039}"/>
          </ac:spMkLst>
        </pc:spChg>
        <pc:spChg chg="mod">
          <ac:chgData name="Shubham Sanjay Ingole" userId="S::s200092@win.dtu.dk::ec40096c-0047-4d8d-8a90-1675687b99a4" providerId="AD" clId="Web-{1D1EF0F2-F887-4A02-A711-C1EF6F24B065}" dt="2020-11-13T10:10:59.615" v="4" actId="14100"/>
          <ac:spMkLst>
            <pc:docMk/>
            <pc:sldMk cId="2678455207" sldId="302"/>
            <ac:spMk id="91" creationId="{DAFF9503-3589-934B-B71F-303275FAB3B7}"/>
          </ac:spMkLst>
        </pc:spChg>
        <pc:spChg chg="mod">
          <ac:chgData name="Shubham Sanjay Ingole" userId="S::s200092@win.dtu.dk::ec40096c-0047-4d8d-8a90-1675687b99a4" providerId="AD" clId="Web-{1D1EF0F2-F887-4A02-A711-C1EF6F24B065}" dt="2020-11-13T10:11:05.631" v="5" actId="14100"/>
          <ac:spMkLst>
            <pc:docMk/>
            <pc:sldMk cId="2678455207" sldId="302"/>
            <ac:spMk id="99" creationId="{9E91681A-43A1-774C-B5AF-FFA5642E2A0F}"/>
          </ac:spMkLst>
        </pc:spChg>
        <pc:spChg chg="mod">
          <ac:chgData name="Shubham Sanjay Ingole" userId="S::s200092@win.dtu.dk::ec40096c-0047-4d8d-8a90-1675687b99a4" providerId="AD" clId="Web-{1D1EF0F2-F887-4A02-A711-C1EF6F24B065}" dt="2020-11-13T10:11:09.115" v="6" actId="14100"/>
          <ac:spMkLst>
            <pc:docMk/>
            <pc:sldMk cId="2678455207" sldId="302"/>
            <ac:spMk id="101" creationId="{C7366148-72D7-4843-9167-14F5749CE39A}"/>
          </ac:spMkLst>
        </pc:spChg>
        <pc:cxnChg chg="mod">
          <ac:chgData name="Shubham Sanjay Ingole" userId="S::s200092@win.dtu.dk::ec40096c-0047-4d8d-8a90-1675687b99a4" providerId="AD" clId="Web-{1D1EF0F2-F887-4A02-A711-C1EF6F24B065}" dt="2020-11-13T10:11:16.631" v="7" actId="14100"/>
          <ac:cxnSpMkLst>
            <pc:docMk/>
            <pc:sldMk cId="2678455207" sldId="302"/>
            <ac:cxnSpMk id="21" creationId="{18225D7A-43B1-0640-8700-B88A91EE09CB}"/>
          </ac:cxnSpMkLst>
        </pc:cxnChg>
        <pc:cxnChg chg="mod">
          <ac:chgData name="Shubham Sanjay Ingole" userId="S::s200092@win.dtu.dk::ec40096c-0047-4d8d-8a90-1675687b99a4" providerId="AD" clId="Web-{1D1EF0F2-F887-4A02-A711-C1EF6F24B065}" dt="2020-11-13T10:10:41.411" v="0" actId="14100"/>
          <ac:cxnSpMkLst>
            <pc:docMk/>
            <pc:sldMk cId="2678455207" sldId="302"/>
            <ac:cxnSpMk id="31" creationId="{5C355DB3-4A40-1B43-8A31-10249ECE40BF}"/>
          </ac:cxnSpMkLst>
        </pc:cxnChg>
        <pc:cxnChg chg="mod">
          <ac:chgData name="Shubham Sanjay Ingole" userId="S::s200092@win.dtu.dk::ec40096c-0047-4d8d-8a90-1675687b99a4" providerId="AD" clId="Web-{1D1EF0F2-F887-4A02-A711-C1EF6F24B065}" dt="2020-11-13T10:10:55.568" v="3" actId="14100"/>
          <ac:cxnSpMkLst>
            <pc:docMk/>
            <pc:sldMk cId="2678455207" sldId="302"/>
            <ac:cxnSpMk id="41" creationId="{F55EC296-7F6F-FA4A-9CB4-EDE3C135198C}"/>
          </ac:cxnSpMkLst>
        </pc:cxnChg>
        <pc:cxnChg chg="mod">
          <ac:chgData name="Shubham Sanjay Ingole" userId="S::s200092@win.dtu.dk::ec40096c-0047-4d8d-8a90-1675687b99a4" providerId="AD" clId="Web-{1D1EF0F2-F887-4A02-A711-C1EF6F24B065}" dt="2020-11-13T10:10:46.661" v="1" actId="14100"/>
          <ac:cxnSpMkLst>
            <pc:docMk/>
            <pc:sldMk cId="2678455207" sldId="302"/>
            <ac:cxnSpMk id="65" creationId="{130E2436-B41B-9946-87E0-18F01FC1A928}"/>
          </ac:cxnSpMkLst>
        </pc:cxnChg>
        <pc:cxnChg chg="mod">
          <ac:chgData name="Shubham Sanjay Ingole" userId="S::s200092@win.dtu.dk::ec40096c-0047-4d8d-8a90-1675687b99a4" providerId="AD" clId="Web-{1D1EF0F2-F887-4A02-A711-C1EF6F24B065}" dt="2020-11-13T10:10:59.615" v="4" actId="14100"/>
          <ac:cxnSpMkLst>
            <pc:docMk/>
            <pc:sldMk cId="2678455207" sldId="302"/>
            <ac:cxnSpMk id="90" creationId="{898C38A6-77FB-D546-A0D6-EABB5F4CAA47}"/>
          </ac:cxnSpMkLst>
        </pc:cxnChg>
        <pc:cxnChg chg="mod">
          <ac:chgData name="Shubham Sanjay Ingole" userId="S::s200092@win.dtu.dk::ec40096c-0047-4d8d-8a90-1675687b99a4" providerId="AD" clId="Web-{1D1EF0F2-F887-4A02-A711-C1EF6F24B065}" dt="2020-11-13T10:11:05.631" v="5" actId="14100"/>
          <ac:cxnSpMkLst>
            <pc:docMk/>
            <pc:sldMk cId="2678455207" sldId="302"/>
            <ac:cxnSpMk id="98" creationId="{69BF5835-8785-CD4A-9B8C-33B5570C9AD9}"/>
          </ac:cxnSpMkLst>
        </pc:cxnChg>
      </pc:sldChg>
    </pc:docChg>
  </pc:docChgLst>
  <pc:docChgLst>
    <pc:chgData name="Shubham Sanjay Ingole" userId="S::s200092@win.dtu.dk::ec40096c-0047-4d8d-8a90-1675687b99a4" providerId="AD" clId="Web-{9C4F50EE-3FAC-4440-902F-F482474EE6C5}"/>
    <pc:docChg chg="modSld">
      <pc:chgData name="Shubham Sanjay Ingole" userId="S::s200092@win.dtu.dk::ec40096c-0047-4d8d-8a90-1675687b99a4" providerId="AD" clId="Web-{9C4F50EE-3FAC-4440-902F-F482474EE6C5}" dt="2020-11-26T23:19:54.183" v="4" actId="20577"/>
      <pc:docMkLst>
        <pc:docMk/>
      </pc:docMkLst>
      <pc:sldChg chg="modSp">
        <pc:chgData name="Shubham Sanjay Ingole" userId="S::s200092@win.dtu.dk::ec40096c-0047-4d8d-8a90-1675687b99a4" providerId="AD" clId="Web-{9C4F50EE-3FAC-4440-902F-F482474EE6C5}" dt="2020-11-26T23:19:54.183" v="4" actId="20577"/>
        <pc:sldMkLst>
          <pc:docMk/>
          <pc:sldMk cId="4144805983" sldId="301"/>
        </pc:sldMkLst>
        <pc:spChg chg="mod">
          <ac:chgData name="Shubham Sanjay Ingole" userId="S::s200092@win.dtu.dk::ec40096c-0047-4d8d-8a90-1675687b99a4" providerId="AD" clId="Web-{9C4F50EE-3FAC-4440-902F-F482474EE6C5}" dt="2020-11-26T23:19:54.183" v="4" actId="20577"/>
          <ac:spMkLst>
            <pc:docMk/>
            <pc:sldMk cId="4144805983" sldId="301"/>
            <ac:spMk id="39" creationId="{000D1375-0A62-494D-8DB9-81ED80045ACC}"/>
          </ac:spMkLst>
        </pc:spChg>
        <pc:cxnChg chg="mod">
          <ac:chgData name="Shubham Sanjay Ingole" userId="S::s200092@win.dtu.dk::ec40096c-0047-4d8d-8a90-1675687b99a4" providerId="AD" clId="Web-{9C4F50EE-3FAC-4440-902F-F482474EE6C5}" dt="2020-11-26T23:19:30.652" v="2" actId="1076"/>
          <ac:cxnSpMkLst>
            <pc:docMk/>
            <pc:sldMk cId="4144805983" sldId="301"/>
            <ac:cxnSpMk id="34" creationId="{D4BE565C-6F7F-4B40-B163-48CD3C971A26}"/>
          </ac:cxnSpMkLst>
        </pc:cxnChg>
      </pc:sldChg>
    </pc:docChg>
  </pc:docChgLst>
  <pc:docChgLst>
    <pc:chgData name="Prasad Jagtap" userId="S::s200109@win.dtu.dk::11453833-8954-4db7-bf9d-87af5de79883" providerId="AD" clId="Web-{FE053660-9439-4DD8-ACDC-2DDAFF764AF0}"/>
    <pc:docChg chg="modSld">
      <pc:chgData name="Prasad Jagtap" userId="S::s200109@win.dtu.dk::11453833-8954-4db7-bf9d-87af5de79883" providerId="AD" clId="Web-{FE053660-9439-4DD8-ACDC-2DDAFF764AF0}" dt="2020-11-13T11:56:17.105" v="6" actId="1076"/>
      <pc:docMkLst>
        <pc:docMk/>
      </pc:docMkLst>
      <pc:sldChg chg="modSp">
        <pc:chgData name="Prasad Jagtap" userId="S::s200109@win.dtu.dk::11453833-8954-4db7-bf9d-87af5de79883" providerId="AD" clId="Web-{FE053660-9439-4DD8-ACDC-2DDAFF764AF0}" dt="2020-11-13T11:56:17.105" v="6" actId="1076"/>
        <pc:sldMkLst>
          <pc:docMk/>
          <pc:sldMk cId="1814185581" sldId="303"/>
        </pc:sldMkLst>
        <pc:picChg chg="mod">
          <ac:chgData name="Prasad Jagtap" userId="S::s200109@win.dtu.dk::11453833-8954-4db7-bf9d-87af5de79883" providerId="AD" clId="Web-{FE053660-9439-4DD8-ACDC-2DDAFF764AF0}" dt="2020-11-13T11:56:17.105" v="6" actId="1076"/>
          <ac:picMkLst>
            <pc:docMk/>
            <pc:sldMk cId="1814185581" sldId="303"/>
            <ac:picMk id="6" creationId="{907D6D1E-CB68-4D74-BEE2-E473EBEBCC5D}"/>
          </ac:picMkLst>
        </pc:picChg>
      </pc:sldChg>
    </pc:docChg>
  </pc:docChgLst>
  <pc:docChgLst>
    <pc:chgData name="Shubham Sanjay Ingole" userId="S::s200092@win.dtu.dk::ec40096c-0047-4d8d-8a90-1675687b99a4" providerId="AD" clId="Web-{46B9DC5D-5595-4515-92C7-F86E62EB918B}"/>
    <pc:docChg chg="modSld">
      <pc:chgData name="Shubham Sanjay Ingole" userId="S::s200092@win.dtu.dk::ec40096c-0047-4d8d-8a90-1675687b99a4" providerId="AD" clId="Web-{46B9DC5D-5595-4515-92C7-F86E62EB918B}" dt="2020-11-13T09:51:09.701" v="1" actId="20577"/>
      <pc:docMkLst>
        <pc:docMk/>
      </pc:docMkLst>
      <pc:sldChg chg="modSp">
        <pc:chgData name="Shubham Sanjay Ingole" userId="S::s200092@win.dtu.dk::ec40096c-0047-4d8d-8a90-1675687b99a4" providerId="AD" clId="Web-{46B9DC5D-5595-4515-92C7-F86E62EB918B}" dt="2020-11-13T09:51:09.701" v="1" actId="20577"/>
        <pc:sldMkLst>
          <pc:docMk/>
          <pc:sldMk cId="1639231020" sldId="291"/>
        </pc:sldMkLst>
        <pc:spChg chg="mod">
          <ac:chgData name="Shubham Sanjay Ingole" userId="S::s200092@win.dtu.dk::ec40096c-0047-4d8d-8a90-1675687b99a4" providerId="AD" clId="Web-{46B9DC5D-5595-4515-92C7-F86E62EB918B}" dt="2020-11-13T09:51:09.701" v="1" actId="20577"/>
          <ac:spMkLst>
            <pc:docMk/>
            <pc:sldMk cId="1639231020" sldId="291"/>
            <ac:spMk id="2" creationId="{D56FE112-B46A-4C3E-B9DB-7DA3952D7192}"/>
          </ac:spMkLst>
        </pc:spChg>
      </pc:sldChg>
    </pc:docChg>
  </pc:docChgLst>
  <pc:docChgLst>
    <pc:chgData name="Ameena Butt" userId="3740027a-9852-48ba-8a90-1d771889ae13" providerId="ADAL" clId="{679B35EB-49B0-2E4C-8B90-051BA0F2D65F}"/>
    <pc:docChg chg="undo custSel addSld delSld modSld sldOrd delMainMaster">
      <pc:chgData name="Ameena Butt" userId="3740027a-9852-48ba-8a90-1d771889ae13" providerId="ADAL" clId="{679B35EB-49B0-2E4C-8B90-051BA0F2D65F}" dt="2020-11-16T19:35:32.611" v="3207" actId="2696"/>
      <pc:docMkLst>
        <pc:docMk/>
      </pc:docMkLst>
      <pc:sldChg chg="addSp modSp add del">
        <pc:chgData name="Ameena Butt" userId="3740027a-9852-48ba-8a90-1d771889ae13" providerId="ADAL" clId="{679B35EB-49B0-2E4C-8B90-051BA0F2D65F}" dt="2020-11-11T08:06:08.851" v="17" actId="2696"/>
        <pc:sldMkLst>
          <pc:docMk/>
          <pc:sldMk cId="109857222" sldId="256"/>
        </pc:sldMkLst>
        <pc:spChg chg="add mod">
          <ac:chgData name="Ameena Butt" userId="3740027a-9852-48ba-8a90-1d771889ae13" providerId="ADAL" clId="{679B35EB-49B0-2E4C-8B90-051BA0F2D65F}" dt="2020-11-11T08:05:24.916" v="0"/>
          <ac:spMkLst>
            <pc:docMk/>
            <pc:sldMk cId="109857222" sldId="256"/>
            <ac:spMk id="4" creationId="{BA4C315B-3752-194A-B242-555EAC73747D}"/>
          </ac:spMkLst>
        </pc:spChg>
        <pc:spChg chg="add mod">
          <ac:chgData name="Ameena Butt" userId="3740027a-9852-48ba-8a90-1d771889ae13" providerId="ADAL" clId="{679B35EB-49B0-2E4C-8B90-051BA0F2D65F}" dt="2020-11-11T08:05:27.625" v="1"/>
          <ac:spMkLst>
            <pc:docMk/>
            <pc:sldMk cId="109857222" sldId="256"/>
            <ac:spMk id="5" creationId="{DA416460-824E-BB4F-A074-0923AA1AC087}"/>
          </ac:spMkLst>
        </pc:spChg>
      </pc:sldChg>
      <pc:sldChg chg="modSp add del mod">
        <pc:chgData name="Ameena Butt" userId="3740027a-9852-48ba-8a90-1d771889ae13" providerId="ADAL" clId="{679B35EB-49B0-2E4C-8B90-051BA0F2D65F}" dt="2020-11-11T08:05:57.415" v="9"/>
        <pc:sldMkLst>
          <pc:docMk/>
          <pc:sldMk cId="1140351621" sldId="257"/>
        </pc:sldMkLst>
        <pc:spChg chg="mod">
          <ac:chgData name="Ameena Butt" userId="3740027a-9852-48ba-8a90-1d771889ae13" providerId="ADAL" clId="{679B35EB-49B0-2E4C-8B90-051BA0F2D65F}" dt="2020-11-11T08:05:57.415" v="9"/>
          <ac:spMkLst>
            <pc:docMk/>
            <pc:sldMk cId="1140351621" sldId="257"/>
            <ac:spMk id="24" creationId="{87FA5D03-862D-4AEB-B1B7-09DE69C80038}"/>
          </ac:spMkLst>
        </pc:spChg>
        <pc:spChg chg="mod">
          <ac:chgData name="Ameena Butt" userId="3740027a-9852-48ba-8a90-1d771889ae13" providerId="ADAL" clId="{679B35EB-49B0-2E4C-8B90-051BA0F2D65F}" dt="2020-11-11T08:05:57.415" v="9"/>
          <ac:spMkLst>
            <pc:docMk/>
            <pc:sldMk cId="1140351621" sldId="257"/>
            <ac:spMk id="25" creationId="{8C972481-100C-4AA4-A10F-E5171A2A5C77}"/>
          </ac:spMkLst>
        </pc:spChg>
        <pc:spChg chg="mod">
          <ac:chgData name="Ameena Butt" userId="3740027a-9852-48ba-8a90-1d771889ae13" providerId="ADAL" clId="{679B35EB-49B0-2E4C-8B90-051BA0F2D65F}" dt="2020-11-11T08:05:57.415" v="9"/>
          <ac:spMkLst>
            <pc:docMk/>
            <pc:sldMk cId="1140351621" sldId="257"/>
            <ac:spMk id="26" creationId="{35DF8688-35A3-412B-9E74-C82661E5029A}"/>
          </ac:spMkLst>
        </pc:spChg>
      </pc:sldChg>
      <pc:sldChg chg="addSp modSp add mod">
        <pc:chgData name="Ameena Butt" userId="3740027a-9852-48ba-8a90-1d771889ae13" providerId="ADAL" clId="{679B35EB-49B0-2E4C-8B90-051BA0F2D65F}" dt="2020-11-12T12:40:34.790" v="499"/>
        <pc:sldMkLst>
          <pc:docMk/>
          <pc:sldMk cId="2281551063" sldId="257"/>
        </pc:sldMkLst>
        <pc:spChg chg="mod">
          <ac:chgData name="Ameena Butt" userId="3740027a-9852-48ba-8a90-1d771889ae13" providerId="ADAL" clId="{679B35EB-49B0-2E4C-8B90-051BA0F2D65F}" dt="2020-11-11T08:06:28.036" v="50" actId="20577"/>
          <ac:spMkLst>
            <pc:docMk/>
            <pc:sldMk cId="2281551063" sldId="257"/>
            <ac:spMk id="26" creationId="{35DF8688-35A3-412B-9E74-C82661E5029A}"/>
          </ac:spMkLst>
        </pc:spChg>
        <pc:picChg chg="add mod">
          <ac:chgData name="Ameena Butt" userId="3740027a-9852-48ba-8a90-1d771889ae13" providerId="ADAL" clId="{679B35EB-49B0-2E4C-8B90-051BA0F2D65F}" dt="2020-11-12T12:40:34.790" v="499"/>
          <ac:picMkLst>
            <pc:docMk/>
            <pc:sldMk cId="2281551063" sldId="257"/>
            <ac:picMk id="10" creationId="{CDF8F094-E07C-3C49-82AA-B9B23C4B628F}"/>
          </ac:picMkLst>
        </pc:picChg>
      </pc:sldChg>
      <pc:sldChg chg="modSp add del mod">
        <pc:chgData name="Ameena Butt" userId="3740027a-9852-48ba-8a90-1d771889ae13" providerId="ADAL" clId="{679B35EB-49B0-2E4C-8B90-051BA0F2D65F}" dt="2020-11-11T08:06:03.714" v="15"/>
        <pc:sldMkLst>
          <pc:docMk/>
          <pc:sldMk cId="3326603118" sldId="257"/>
        </pc:sldMkLst>
        <pc:spChg chg="mod">
          <ac:chgData name="Ameena Butt" userId="3740027a-9852-48ba-8a90-1d771889ae13" providerId="ADAL" clId="{679B35EB-49B0-2E4C-8B90-051BA0F2D65F}" dt="2020-11-11T08:06:03.714" v="15"/>
          <ac:spMkLst>
            <pc:docMk/>
            <pc:sldMk cId="3326603118" sldId="257"/>
            <ac:spMk id="24" creationId="{87FA5D03-862D-4AEB-B1B7-09DE69C80038}"/>
          </ac:spMkLst>
        </pc:spChg>
        <pc:spChg chg="mod">
          <ac:chgData name="Ameena Butt" userId="3740027a-9852-48ba-8a90-1d771889ae13" providerId="ADAL" clId="{679B35EB-49B0-2E4C-8B90-051BA0F2D65F}" dt="2020-11-11T08:06:03.714" v="15"/>
          <ac:spMkLst>
            <pc:docMk/>
            <pc:sldMk cId="3326603118" sldId="257"/>
            <ac:spMk id="25" creationId="{8C972481-100C-4AA4-A10F-E5171A2A5C77}"/>
          </ac:spMkLst>
        </pc:spChg>
        <pc:spChg chg="mod">
          <ac:chgData name="Ameena Butt" userId="3740027a-9852-48ba-8a90-1d771889ae13" providerId="ADAL" clId="{679B35EB-49B0-2E4C-8B90-051BA0F2D65F}" dt="2020-11-11T08:06:03.714" v="15"/>
          <ac:spMkLst>
            <pc:docMk/>
            <pc:sldMk cId="3326603118" sldId="257"/>
            <ac:spMk id="26" creationId="{35DF8688-35A3-412B-9E74-C82661E5029A}"/>
          </ac:spMkLst>
        </pc:spChg>
      </pc:sldChg>
      <pc:sldChg chg="add del">
        <pc:chgData name="Ameena Butt" userId="3740027a-9852-48ba-8a90-1d771889ae13" providerId="ADAL" clId="{679B35EB-49B0-2E4C-8B90-051BA0F2D65F}" dt="2020-11-11T08:05:57.415" v="9"/>
        <pc:sldMkLst>
          <pc:docMk/>
          <pc:sldMk cId="1658870678" sldId="258"/>
        </pc:sldMkLst>
      </pc:sldChg>
      <pc:sldChg chg="addSp modSp add mod">
        <pc:chgData name="Ameena Butt" userId="3740027a-9852-48ba-8a90-1d771889ae13" providerId="ADAL" clId="{679B35EB-49B0-2E4C-8B90-051BA0F2D65F}" dt="2020-11-12T12:40:36.928" v="500"/>
        <pc:sldMkLst>
          <pc:docMk/>
          <pc:sldMk cId="2697404991" sldId="258"/>
        </pc:sldMkLst>
        <pc:spChg chg="mod">
          <ac:chgData name="Ameena Butt" userId="3740027a-9852-48ba-8a90-1d771889ae13" providerId="ADAL" clId="{679B35EB-49B0-2E4C-8B90-051BA0F2D65F}" dt="2020-11-11T08:06:41.757" v="72" actId="20577"/>
          <ac:spMkLst>
            <pc:docMk/>
            <pc:sldMk cId="2697404991" sldId="258"/>
            <ac:spMk id="2" creationId="{D56FE112-B46A-4C3E-B9DB-7DA3952D7192}"/>
          </ac:spMkLst>
        </pc:spChg>
        <pc:picChg chg="add mod">
          <ac:chgData name="Ameena Butt" userId="3740027a-9852-48ba-8a90-1d771889ae13" providerId="ADAL" clId="{679B35EB-49B0-2E4C-8B90-051BA0F2D65F}" dt="2020-11-12T12:40:36.928" v="500"/>
          <ac:picMkLst>
            <pc:docMk/>
            <pc:sldMk cId="2697404991" sldId="258"/>
            <ac:picMk id="5" creationId="{A337FBE1-2E93-7943-A6AA-0609633359C1}"/>
          </ac:picMkLst>
        </pc:picChg>
      </pc:sldChg>
      <pc:sldChg chg="add del">
        <pc:chgData name="Ameena Butt" userId="3740027a-9852-48ba-8a90-1d771889ae13" providerId="ADAL" clId="{679B35EB-49B0-2E4C-8B90-051BA0F2D65F}" dt="2020-11-11T08:06:03.714" v="15"/>
        <pc:sldMkLst>
          <pc:docMk/>
          <pc:sldMk cId="3034716695" sldId="258"/>
        </pc:sldMkLst>
      </pc:sldChg>
      <pc:sldChg chg="add del">
        <pc:chgData name="Ameena Butt" userId="3740027a-9852-48ba-8a90-1d771889ae13" providerId="ADAL" clId="{679B35EB-49B0-2E4C-8B90-051BA0F2D65F}" dt="2020-11-11T08:05:57.415" v="9"/>
        <pc:sldMkLst>
          <pc:docMk/>
          <pc:sldMk cId="17697420" sldId="259"/>
        </pc:sldMkLst>
      </pc:sldChg>
      <pc:sldChg chg="add del">
        <pc:chgData name="Ameena Butt" userId="3740027a-9852-48ba-8a90-1d771889ae13" providerId="ADAL" clId="{679B35EB-49B0-2E4C-8B90-051BA0F2D65F}" dt="2020-11-11T08:06:03.714" v="15"/>
        <pc:sldMkLst>
          <pc:docMk/>
          <pc:sldMk cId="2165882347" sldId="259"/>
        </pc:sldMkLst>
      </pc:sldChg>
      <pc:sldChg chg="addSp modSp add mod">
        <pc:chgData name="Ameena Butt" userId="3740027a-9852-48ba-8a90-1d771889ae13" providerId="ADAL" clId="{679B35EB-49B0-2E4C-8B90-051BA0F2D65F}" dt="2020-11-12T12:40:38.324" v="501"/>
        <pc:sldMkLst>
          <pc:docMk/>
          <pc:sldMk cId="2874802152" sldId="259"/>
        </pc:sldMkLst>
        <pc:spChg chg="mod">
          <ac:chgData name="Ameena Butt" userId="3740027a-9852-48ba-8a90-1d771889ae13" providerId="ADAL" clId="{679B35EB-49B0-2E4C-8B90-051BA0F2D65F}" dt="2020-11-11T08:06:51.344" v="75" actId="20577"/>
          <ac:spMkLst>
            <pc:docMk/>
            <pc:sldMk cId="2874802152" sldId="259"/>
            <ac:spMk id="3" creationId="{86F37277-9C42-4BD1-927E-7F1962FB1120}"/>
          </ac:spMkLst>
        </pc:spChg>
        <pc:picChg chg="add mod">
          <ac:chgData name="Ameena Butt" userId="3740027a-9852-48ba-8a90-1d771889ae13" providerId="ADAL" clId="{679B35EB-49B0-2E4C-8B90-051BA0F2D65F}" dt="2020-11-12T12:40:38.324" v="501"/>
          <ac:picMkLst>
            <pc:docMk/>
            <pc:sldMk cId="2874802152" sldId="259"/>
            <ac:picMk id="16" creationId="{AF3CDF37-34C8-A043-950C-736134096F2A}"/>
          </ac:picMkLst>
        </pc:picChg>
      </pc:sldChg>
      <pc:sldChg chg="add del">
        <pc:chgData name="Ameena Butt" userId="3740027a-9852-48ba-8a90-1d771889ae13" providerId="ADAL" clId="{679B35EB-49B0-2E4C-8B90-051BA0F2D65F}" dt="2020-11-11T08:06:03.714" v="15"/>
        <pc:sldMkLst>
          <pc:docMk/>
          <pc:sldMk cId="862701817" sldId="260"/>
        </pc:sldMkLst>
      </pc:sldChg>
      <pc:sldChg chg="addSp modSp add mod">
        <pc:chgData name="Ameena Butt" userId="3740027a-9852-48ba-8a90-1d771889ae13" providerId="ADAL" clId="{679B35EB-49B0-2E4C-8B90-051BA0F2D65F}" dt="2020-11-12T12:40:40.299" v="502"/>
        <pc:sldMkLst>
          <pc:docMk/>
          <pc:sldMk cId="1366065165" sldId="260"/>
        </pc:sldMkLst>
        <pc:spChg chg="mod">
          <ac:chgData name="Ameena Butt" userId="3740027a-9852-48ba-8a90-1d771889ae13" providerId="ADAL" clId="{679B35EB-49B0-2E4C-8B90-051BA0F2D65F}" dt="2020-11-11T08:11:41.375" v="79" actId="20577"/>
          <ac:spMkLst>
            <pc:docMk/>
            <pc:sldMk cId="1366065165" sldId="260"/>
            <ac:spMk id="3" creationId="{7B53CC9E-AF60-437D-A928-88A9C16B7DA9}"/>
          </ac:spMkLst>
        </pc:spChg>
        <pc:picChg chg="add mod">
          <ac:chgData name="Ameena Butt" userId="3740027a-9852-48ba-8a90-1d771889ae13" providerId="ADAL" clId="{679B35EB-49B0-2E4C-8B90-051BA0F2D65F}" dt="2020-11-12T12:40:40.299" v="502"/>
          <ac:picMkLst>
            <pc:docMk/>
            <pc:sldMk cId="1366065165" sldId="260"/>
            <ac:picMk id="79" creationId="{1C67E169-34DB-C742-88A4-758B812ECCC4}"/>
          </ac:picMkLst>
        </pc:picChg>
      </pc:sldChg>
      <pc:sldChg chg="add del">
        <pc:chgData name="Ameena Butt" userId="3740027a-9852-48ba-8a90-1d771889ae13" providerId="ADAL" clId="{679B35EB-49B0-2E4C-8B90-051BA0F2D65F}" dt="2020-11-11T08:05:57.415" v="9"/>
        <pc:sldMkLst>
          <pc:docMk/>
          <pc:sldMk cId="2315109991" sldId="260"/>
        </pc:sldMkLst>
      </pc:sldChg>
      <pc:sldChg chg="addSp modSp add">
        <pc:chgData name="Ameena Butt" userId="3740027a-9852-48ba-8a90-1d771889ae13" providerId="ADAL" clId="{679B35EB-49B0-2E4C-8B90-051BA0F2D65F}" dt="2020-11-12T12:40:44.633" v="504"/>
        <pc:sldMkLst>
          <pc:docMk/>
          <pc:sldMk cId="1072051889" sldId="289"/>
        </pc:sldMkLst>
        <pc:picChg chg="add mod">
          <ac:chgData name="Ameena Butt" userId="3740027a-9852-48ba-8a90-1d771889ae13" providerId="ADAL" clId="{679B35EB-49B0-2E4C-8B90-051BA0F2D65F}" dt="2020-11-12T12:40:44.633" v="504"/>
          <ac:picMkLst>
            <pc:docMk/>
            <pc:sldMk cId="1072051889" sldId="289"/>
            <ac:picMk id="7" creationId="{85468E09-3F7A-D549-A303-ABF8CF292403}"/>
          </ac:picMkLst>
        </pc:picChg>
      </pc:sldChg>
      <pc:sldChg chg="add del">
        <pc:chgData name="Ameena Butt" userId="3740027a-9852-48ba-8a90-1d771889ae13" providerId="ADAL" clId="{679B35EB-49B0-2E4C-8B90-051BA0F2D65F}" dt="2020-11-11T08:14:30.944" v="104"/>
        <pc:sldMkLst>
          <pc:docMk/>
          <pc:sldMk cId="1855134053" sldId="289"/>
        </pc:sldMkLst>
      </pc:sldChg>
      <pc:sldChg chg="add del">
        <pc:chgData name="Ameena Butt" userId="3740027a-9852-48ba-8a90-1d771889ae13" providerId="ADAL" clId="{679B35EB-49B0-2E4C-8B90-051BA0F2D65F}" dt="2020-11-11T08:14:28.299" v="102"/>
        <pc:sldMkLst>
          <pc:docMk/>
          <pc:sldMk cId="2466083828" sldId="289"/>
        </pc:sldMkLst>
      </pc:sldChg>
      <pc:sldChg chg="add del">
        <pc:chgData name="Ameena Butt" userId="3740027a-9852-48ba-8a90-1d771889ae13" providerId="ADAL" clId="{679B35EB-49B0-2E4C-8B90-051BA0F2D65F}" dt="2020-11-11T08:13:10.714" v="81"/>
        <pc:sldMkLst>
          <pc:docMk/>
          <pc:sldMk cId="925516192" sldId="290"/>
        </pc:sldMkLst>
      </pc:sldChg>
      <pc:sldChg chg="addSp modSp add mod ord">
        <pc:chgData name="Ameena Butt" userId="3740027a-9852-48ba-8a90-1d771889ae13" providerId="ADAL" clId="{679B35EB-49B0-2E4C-8B90-051BA0F2D65F}" dt="2020-11-12T12:40:42.422" v="503"/>
        <pc:sldMkLst>
          <pc:docMk/>
          <pc:sldMk cId="3275797173" sldId="290"/>
        </pc:sldMkLst>
        <pc:spChg chg="mod">
          <ac:chgData name="Ameena Butt" userId="3740027a-9852-48ba-8a90-1d771889ae13" providerId="ADAL" clId="{679B35EB-49B0-2E4C-8B90-051BA0F2D65F}" dt="2020-11-11T08:13:23.572" v="100" actId="20577"/>
          <ac:spMkLst>
            <pc:docMk/>
            <pc:sldMk cId="3275797173" sldId="290"/>
            <ac:spMk id="248" creationId="{86130833-36C5-4321-A676-C92916BF6A0F}"/>
          </ac:spMkLst>
        </pc:spChg>
        <pc:picChg chg="add mod">
          <ac:chgData name="Ameena Butt" userId="3740027a-9852-48ba-8a90-1d771889ae13" providerId="ADAL" clId="{679B35EB-49B0-2E4C-8B90-051BA0F2D65F}" dt="2020-11-12T12:40:42.422" v="503"/>
          <ac:picMkLst>
            <pc:docMk/>
            <pc:sldMk cId="3275797173" sldId="290"/>
            <ac:picMk id="124" creationId="{AC8445AF-3B7C-FB45-9D62-76759C8F6460}"/>
          </ac:picMkLst>
        </pc:picChg>
      </pc:sldChg>
      <pc:sldChg chg="addSp modSp add mod ord">
        <pc:chgData name="Ameena Butt" userId="3740027a-9852-48ba-8a90-1d771889ae13" providerId="ADAL" clId="{679B35EB-49B0-2E4C-8B90-051BA0F2D65F}" dt="2020-11-12T12:40:47.486" v="505"/>
        <pc:sldMkLst>
          <pc:docMk/>
          <pc:sldMk cId="1639231020" sldId="291"/>
        </pc:sldMkLst>
        <pc:spChg chg="mod">
          <ac:chgData name="Ameena Butt" userId="3740027a-9852-48ba-8a90-1d771889ae13" providerId="ADAL" clId="{679B35EB-49B0-2E4C-8B90-051BA0F2D65F}" dt="2020-11-11T08:14:49.630" v="150" actId="20577"/>
          <ac:spMkLst>
            <pc:docMk/>
            <pc:sldMk cId="1639231020" sldId="291"/>
            <ac:spMk id="2" creationId="{D56FE112-B46A-4C3E-B9DB-7DA3952D7192}"/>
          </ac:spMkLst>
        </pc:spChg>
        <pc:picChg chg="add mod">
          <ac:chgData name="Ameena Butt" userId="3740027a-9852-48ba-8a90-1d771889ae13" providerId="ADAL" clId="{679B35EB-49B0-2E4C-8B90-051BA0F2D65F}" dt="2020-11-12T12:40:47.486" v="505"/>
          <ac:picMkLst>
            <pc:docMk/>
            <pc:sldMk cId="1639231020" sldId="291"/>
            <ac:picMk id="5" creationId="{880103A6-E53C-4543-AACF-7447C58BE89B}"/>
          </ac:picMkLst>
        </pc:picChg>
      </pc:sldChg>
      <pc:sldChg chg="addSp delSp modSp add del mod">
        <pc:chgData name="Ameena Butt" userId="3740027a-9852-48ba-8a90-1d771889ae13" providerId="ADAL" clId="{679B35EB-49B0-2E4C-8B90-051BA0F2D65F}" dt="2020-11-11T13:14:22.768" v="472" actId="2696"/>
        <pc:sldMkLst>
          <pc:docMk/>
          <pc:sldMk cId="1581875704" sldId="292"/>
        </pc:sldMkLst>
        <pc:spChg chg="mod">
          <ac:chgData name="Ameena Butt" userId="3740027a-9852-48ba-8a90-1d771889ae13" providerId="ADAL" clId="{679B35EB-49B0-2E4C-8B90-051BA0F2D65F}" dt="2020-11-11T08:15:08.058" v="182" actId="20577"/>
          <ac:spMkLst>
            <pc:docMk/>
            <pc:sldMk cId="1581875704" sldId="292"/>
            <ac:spMk id="3" creationId="{86F37277-9C42-4BD1-927E-7F1962FB1120}"/>
          </ac:spMkLst>
        </pc:spChg>
        <pc:spChg chg="add mod">
          <ac:chgData name="Ameena Butt" userId="3740027a-9852-48ba-8a90-1d771889ae13" providerId="ADAL" clId="{679B35EB-49B0-2E4C-8B90-051BA0F2D65F}" dt="2020-11-11T09:01:54.866" v="375"/>
          <ac:spMkLst>
            <pc:docMk/>
            <pc:sldMk cId="1581875704" sldId="292"/>
            <ac:spMk id="4" creationId="{73883161-05A4-3847-85E8-D8FF06A85FAB}"/>
          </ac:spMkLst>
        </pc:spChg>
        <pc:spChg chg="add mod">
          <ac:chgData name="Ameena Butt" userId="3740027a-9852-48ba-8a90-1d771889ae13" providerId="ADAL" clId="{679B35EB-49B0-2E4C-8B90-051BA0F2D65F}" dt="2020-11-11T09:01:58.629" v="376"/>
          <ac:spMkLst>
            <pc:docMk/>
            <pc:sldMk cId="1581875704" sldId="292"/>
            <ac:spMk id="5" creationId="{09946BD6-B598-CF43-A858-DC783A7760BC}"/>
          </ac:spMkLst>
        </pc:spChg>
        <pc:spChg chg="add del mod">
          <ac:chgData name="Ameena Butt" userId="3740027a-9852-48ba-8a90-1d771889ae13" providerId="ADAL" clId="{679B35EB-49B0-2E4C-8B90-051BA0F2D65F}" dt="2020-11-11T13:14:06.902" v="467" actId="21"/>
          <ac:spMkLst>
            <pc:docMk/>
            <pc:sldMk cId="1581875704" sldId="292"/>
            <ac:spMk id="6" creationId="{2D81EBA2-E79D-4E73-80D8-CA877DCF40C7}"/>
          </ac:spMkLst>
        </pc:spChg>
        <pc:spChg chg="add mod">
          <ac:chgData name="Ameena Butt" userId="3740027a-9852-48ba-8a90-1d771889ae13" providerId="ADAL" clId="{679B35EB-49B0-2E4C-8B90-051BA0F2D65F}" dt="2020-11-11T09:02:02.731" v="377"/>
          <ac:spMkLst>
            <pc:docMk/>
            <pc:sldMk cId="1581875704" sldId="292"/>
            <ac:spMk id="7" creationId="{1AE3E9BD-6307-6246-BE40-84C4A50ACB74}"/>
          </ac:spMkLst>
        </pc:spChg>
        <pc:spChg chg="add del mod">
          <ac:chgData name="Ameena Butt" userId="3740027a-9852-48ba-8a90-1d771889ae13" providerId="ADAL" clId="{679B35EB-49B0-2E4C-8B90-051BA0F2D65F}" dt="2020-11-11T09:02:21.104" v="379"/>
          <ac:spMkLst>
            <pc:docMk/>
            <pc:sldMk cId="1581875704" sldId="292"/>
            <ac:spMk id="8" creationId="{89FE8606-ADDA-5E4A-B4D0-711DCCAA481C}"/>
          </ac:spMkLst>
        </pc:spChg>
        <pc:spChg chg="add mod">
          <ac:chgData name="Ameena Butt" userId="3740027a-9852-48ba-8a90-1d771889ae13" providerId="ADAL" clId="{679B35EB-49B0-2E4C-8B90-051BA0F2D65F}" dt="2020-11-11T09:02:25.956" v="381"/>
          <ac:spMkLst>
            <pc:docMk/>
            <pc:sldMk cId="1581875704" sldId="292"/>
            <ac:spMk id="9" creationId="{CEABA6E8-F658-9C43-9C6A-2D665A95AE46}"/>
          </ac:spMkLst>
        </pc:spChg>
        <pc:spChg chg="del">
          <ac:chgData name="Ameena Butt" userId="3740027a-9852-48ba-8a90-1d771889ae13" providerId="ADAL" clId="{679B35EB-49B0-2E4C-8B90-051BA0F2D65F}" dt="2020-11-11T08:20:10.390" v="183" actId="478"/>
          <ac:spMkLst>
            <pc:docMk/>
            <pc:sldMk cId="1581875704" sldId="292"/>
            <ac:spMk id="10" creationId="{1D1B7DD8-0FE2-4B80-A48E-17DEAAC4953E}"/>
          </ac:spMkLst>
        </pc:spChg>
        <pc:spChg chg="add del mod">
          <ac:chgData name="Ameena Butt" userId="3740027a-9852-48ba-8a90-1d771889ae13" providerId="ADAL" clId="{679B35EB-49B0-2E4C-8B90-051BA0F2D65F}" dt="2020-11-11T13:14:08.214" v="469"/>
          <ac:spMkLst>
            <pc:docMk/>
            <pc:sldMk cId="1581875704" sldId="292"/>
            <ac:spMk id="11" creationId="{EA1F0AA6-6FFE-CC4E-9C7C-CEE07D12B1D5}"/>
          </ac:spMkLst>
        </pc:spChg>
      </pc:sldChg>
      <pc:sldChg chg="add del">
        <pc:chgData name="Ameena Butt" userId="3740027a-9852-48ba-8a90-1d771889ae13" providerId="ADAL" clId="{679B35EB-49B0-2E4C-8B90-051BA0F2D65F}" dt="2020-11-11T08:06:55.948" v="76" actId="2696"/>
        <pc:sldMkLst>
          <pc:docMk/>
          <pc:sldMk cId="464625587" sldId="293"/>
        </pc:sldMkLst>
      </pc:sldChg>
      <pc:sldChg chg="new del">
        <pc:chgData name="Ameena Butt" userId="3740027a-9852-48ba-8a90-1d771889ae13" providerId="ADAL" clId="{679B35EB-49B0-2E4C-8B90-051BA0F2D65F}" dt="2020-11-11T08:24:02.228" v="250" actId="2696"/>
        <pc:sldMkLst>
          <pc:docMk/>
          <pc:sldMk cId="1828953549" sldId="293"/>
        </pc:sldMkLst>
      </pc:sldChg>
      <pc:sldChg chg="add del">
        <pc:chgData name="Ameena Butt" userId="3740027a-9852-48ba-8a90-1d771889ae13" providerId="ADAL" clId="{679B35EB-49B0-2E4C-8B90-051BA0F2D65F}" dt="2020-11-11T08:05:57.415" v="9"/>
        <pc:sldMkLst>
          <pc:docMk/>
          <pc:sldMk cId="2239175329" sldId="293"/>
        </pc:sldMkLst>
      </pc:sldChg>
      <pc:sldChg chg="add del">
        <pc:chgData name="Ameena Butt" userId="3740027a-9852-48ba-8a90-1d771889ae13" providerId="ADAL" clId="{679B35EB-49B0-2E4C-8B90-051BA0F2D65F}" dt="2020-11-11T08:06:03.714" v="15"/>
        <pc:sldMkLst>
          <pc:docMk/>
          <pc:sldMk cId="2634429782" sldId="293"/>
        </pc:sldMkLst>
      </pc:sldChg>
      <pc:sldChg chg="addSp delSp modSp new mod ord modClrScheme chgLayout">
        <pc:chgData name="Ameena Butt" userId="3740027a-9852-48ba-8a90-1d771889ae13" providerId="ADAL" clId="{679B35EB-49B0-2E4C-8B90-051BA0F2D65F}" dt="2020-11-11T08:25:43.534" v="282" actId="20578"/>
        <pc:sldMkLst>
          <pc:docMk/>
          <pc:sldMk cId="1896348887" sldId="294"/>
        </pc:sldMkLst>
        <pc:spChg chg="del">
          <ac:chgData name="Ameena Butt" userId="3740027a-9852-48ba-8a90-1d771889ae13" providerId="ADAL" clId="{679B35EB-49B0-2E4C-8B90-051BA0F2D65F}" dt="2020-11-11T08:24:12.433" v="251" actId="700"/>
          <ac:spMkLst>
            <pc:docMk/>
            <pc:sldMk cId="1896348887" sldId="294"/>
            <ac:spMk id="2" creationId="{B78CD9B1-3B2B-EF47-988C-B67A43DC26F9}"/>
          </ac:spMkLst>
        </pc:spChg>
        <pc:spChg chg="mod ord">
          <ac:chgData name="Ameena Butt" userId="3740027a-9852-48ba-8a90-1d771889ae13" providerId="ADAL" clId="{679B35EB-49B0-2E4C-8B90-051BA0F2D65F}" dt="2020-11-11T08:24:12.433" v="251" actId="700"/>
          <ac:spMkLst>
            <pc:docMk/>
            <pc:sldMk cId="1896348887" sldId="294"/>
            <ac:spMk id="3" creationId="{29CD1ED4-E0BD-C141-A299-E465835C0272}"/>
          </ac:spMkLst>
        </pc:spChg>
        <pc:spChg chg="mod ord">
          <ac:chgData name="Ameena Butt" userId="3740027a-9852-48ba-8a90-1d771889ae13" providerId="ADAL" clId="{679B35EB-49B0-2E4C-8B90-051BA0F2D65F}" dt="2020-11-11T08:24:12.433" v="251" actId="700"/>
          <ac:spMkLst>
            <pc:docMk/>
            <pc:sldMk cId="1896348887" sldId="294"/>
            <ac:spMk id="4" creationId="{549D8BBE-EBFD-3F4E-B050-70C02EF475E2}"/>
          </ac:spMkLst>
        </pc:spChg>
        <pc:spChg chg="del mod ord">
          <ac:chgData name="Ameena Butt" userId="3740027a-9852-48ba-8a90-1d771889ae13" providerId="ADAL" clId="{679B35EB-49B0-2E4C-8B90-051BA0F2D65F}" dt="2020-11-11T08:24:12.433" v="251" actId="700"/>
          <ac:spMkLst>
            <pc:docMk/>
            <pc:sldMk cId="1896348887" sldId="294"/>
            <ac:spMk id="5" creationId="{8B15E855-5C26-8344-895A-0CF505AB2EA8}"/>
          </ac:spMkLst>
        </pc:spChg>
        <pc:spChg chg="del mod ord">
          <ac:chgData name="Ameena Butt" userId="3740027a-9852-48ba-8a90-1d771889ae13" providerId="ADAL" clId="{679B35EB-49B0-2E4C-8B90-051BA0F2D65F}" dt="2020-11-11T08:24:12.433" v="251" actId="700"/>
          <ac:spMkLst>
            <pc:docMk/>
            <pc:sldMk cId="1896348887" sldId="294"/>
            <ac:spMk id="6" creationId="{4D549924-981C-584F-A011-D85D575FE72F}"/>
          </ac:spMkLst>
        </pc:spChg>
        <pc:spChg chg="del">
          <ac:chgData name="Ameena Butt" userId="3740027a-9852-48ba-8a90-1d771889ae13" providerId="ADAL" clId="{679B35EB-49B0-2E4C-8B90-051BA0F2D65F}" dt="2020-11-11T08:24:12.433" v="251" actId="700"/>
          <ac:spMkLst>
            <pc:docMk/>
            <pc:sldMk cId="1896348887" sldId="294"/>
            <ac:spMk id="7" creationId="{F6D4BA71-F99E-D948-BE45-A8F4C3921CA9}"/>
          </ac:spMkLst>
        </pc:spChg>
        <pc:spChg chg="del mod ord">
          <ac:chgData name="Ameena Butt" userId="3740027a-9852-48ba-8a90-1d771889ae13" providerId="ADAL" clId="{679B35EB-49B0-2E4C-8B90-051BA0F2D65F}" dt="2020-11-11T08:24:12.433" v="251" actId="700"/>
          <ac:spMkLst>
            <pc:docMk/>
            <pc:sldMk cId="1896348887" sldId="294"/>
            <ac:spMk id="8" creationId="{48CF61DF-E04B-194E-BD0B-B1252EEB14A3}"/>
          </ac:spMkLst>
        </pc:spChg>
        <pc:spChg chg="del">
          <ac:chgData name="Ameena Butt" userId="3740027a-9852-48ba-8a90-1d771889ae13" providerId="ADAL" clId="{679B35EB-49B0-2E4C-8B90-051BA0F2D65F}" dt="2020-11-11T08:24:12.433" v="251" actId="700"/>
          <ac:spMkLst>
            <pc:docMk/>
            <pc:sldMk cId="1896348887" sldId="294"/>
            <ac:spMk id="9" creationId="{99A024CE-E2C1-404F-8138-59324C9EFF0E}"/>
          </ac:spMkLst>
        </pc:spChg>
        <pc:spChg chg="add mod ord">
          <ac:chgData name="Ameena Butt" userId="3740027a-9852-48ba-8a90-1d771889ae13" providerId="ADAL" clId="{679B35EB-49B0-2E4C-8B90-051BA0F2D65F}" dt="2020-11-11T08:25:38.760" v="281"/>
          <ac:spMkLst>
            <pc:docMk/>
            <pc:sldMk cId="1896348887" sldId="294"/>
            <ac:spMk id="10" creationId="{628CEB3A-C8A1-204A-B27A-3D1A1FF7CEEF}"/>
          </ac:spMkLst>
        </pc:spChg>
        <pc:spChg chg="add del mod ord">
          <ac:chgData name="Ameena Butt" userId="3740027a-9852-48ba-8a90-1d771889ae13" providerId="ADAL" clId="{679B35EB-49B0-2E4C-8B90-051BA0F2D65F}" dt="2020-11-11T08:25:21.070" v="277" actId="478"/>
          <ac:spMkLst>
            <pc:docMk/>
            <pc:sldMk cId="1896348887" sldId="294"/>
            <ac:spMk id="11" creationId="{1F54B30B-0BD6-A740-8084-60B8B78D0DA4}"/>
          </ac:spMkLst>
        </pc:spChg>
        <pc:spChg chg="add mod ord">
          <ac:chgData name="Ameena Butt" userId="3740027a-9852-48ba-8a90-1d771889ae13" providerId="ADAL" clId="{679B35EB-49B0-2E4C-8B90-051BA0F2D65F}" dt="2020-11-11T08:25:30.480" v="280" actId="403"/>
          <ac:spMkLst>
            <pc:docMk/>
            <pc:sldMk cId="1896348887" sldId="294"/>
            <ac:spMk id="12" creationId="{A9A65E9A-B262-3A48-8257-5AF81CCB2EFF}"/>
          </ac:spMkLst>
        </pc:spChg>
      </pc:sldChg>
      <pc:sldChg chg="addSp delSp modSp add mod modNotesTx">
        <pc:chgData name="Ameena Butt" userId="3740027a-9852-48ba-8a90-1d771889ae13" providerId="ADAL" clId="{679B35EB-49B0-2E4C-8B90-051BA0F2D65F}" dt="2020-11-12T12:40:49.205" v="506"/>
        <pc:sldMkLst>
          <pc:docMk/>
          <pc:sldMk cId="735608022" sldId="295"/>
        </pc:sldMkLst>
        <pc:spChg chg="add del mod">
          <ac:chgData name="Ameena Butt" userId="3740027a-9852-48ba-8a90-1d771889ae13" providerId="ADAL" clId="{679B35EB-49B0-2E4C-8B90-051BA0F2D65F}" dt="2020-11-12T12:38:58.553" v="473" actId="14100"/>
          <ac:spMkLst>
            <pc:docMk/>
            <pc:sldMk cId="735608022" sldId="295"/>
            <ac:spMk id="6" creationId="{2D81EBA2-E79D-4E73-80D8-CA877DCF40C7}"/>
          </ac:spMkLst>
        </pc:spChg>
        <pc:picChg chg="add mod">
          <ac:chgData name="Ameena Butt" userId="3740027a-9852-48ba-8a90-1d771889ae13" providerId="ADAL" clId="{679B35EB-49B0-2E4C-8B90-051BA0F2D65F}" dt="2020-11-11T13:13:28.322" v="465" actId="1076"/>
          <ac:picMkLst>
            <pc:docMk/>
            <pc:sldMk cId="735608022" sldId="295"/>
            <ac:picMk id="4" creationId="{39BED3E2-94CD-8447-86A3-BF4F40515450}"/>
          </ac:picMkLst>
        </pc:picChg>
        <pc:picChg chg="add mod">
          <ac:chgData name="Ameena Butt" userId="3740027a-9852-48ba-8a90-1d771889ae13" providerId="ADAL" clId="{679B35EB-49B0-2E4C-8B90-051BA0F2D65F}" dt="2020-11-12T12:40:49.205" v="506"/>
          <ac:picMkLst>
            <pc:docMk/>
            <pc:sldMk cId="735608022" sldId="295"/>
            <ac:picMk id="7" creationId="{FA0E68C2-5375-864A-8051-A99B4AEBA7DC}"/>
          </ac:picMkLst>
        </pc:picChg>
      </pc:sldChg>
      <pc:sldChg chg="modSp add del">
        <pc:chgData name="Ameena Butt" userId="3740027a-9852-48ba-8a90-1d771889ae13" providerId="ADAL" clId="{679B35EB-49B0-2E4C-8B90-051BA0F2D65F}" dt="2020-11-11T08:28:07.944" v="299"/>
        <pc:sldMkLst>
          <pc:docMk/>
          <pc:sldMk cId="1374904060" sldId="296"/>
        </pc:sldMkLst>
        <pc:spChg chg="mod">
          <ac:chgData name="Ameena Butt" userId="3740027a-9852-48ba-8a90-1d771889ae13" providerId="ADAL" clId="{679B35EB-49B0-2E4C-8B90-051BA0F2D65F}" dt="2020-11-11T08:28:06.563" v="298"/>
          <ac:spMkLst>
            <pc:docMk/>
            <pc:sldMk cId="1374904060" sldId="296"/>
            <ac:spMk id="6" creationId="{2D81EBA2-E79D-4E73-80D8-CA877DCF40C7}"/>
          </ac:spMkLst>
        </pc:spChg>
      </pc:sldChg>
      <pc:sldChg chg="addSp delSp modSp add del mod ord">
        <pc:chgData name="Ameena Butt" userId="3740027a-9852-48ba-8a90-1d771889ae13" providerId="ADAL" clId="{679B35EB-49B0-2E4C-8B90-051BA0F2D65F}" dt="2020-11-16T19:34:06.497" v="3202" actId="2696"/>
        <pc:sldMkLst>
          <pc:docMk/>
          <pc:sldMk cId="2666736856" sldId="296"/>
        </pc:sldMkLst>
        <pc:spChg chg="mod">
          <ac:chgData name="Ameena Butt" userId="3740027a-9852-48ba-8a90-1d771889ae13" providerId="ADAL" clId="{679B35EB-49B0-2E4C-8B90-051BA0F2D65F}" dt="2020-11-11T08:28:30.065" v="335" actId="20577"/>
          <ac:spMkLst>
            <pc:docMk/>
            <pc:sldMk cId="2666736856" sldId="296"/>
            <ac:spMk id="3" creationId="{86F37277-9C42-4BD1-927E-7F1962FB1120}"/>
          </ac:spMkLst>
        </pc:spChg>
        <pc:spChg chg="add del mod">
          <ac:chgData name="Ameena Butt" userId="3740027a-9852-48ba-8a90-1d771889ae13" providerId="ADAL" clId="{679B35EB-49B0-2E4C-8B90-051BA0F2D65F}" dt="2020-11-11T08:29:46.340" v="345"/>
          <ac:spMkLst>
            <pc:docMk/>
            <pc:sldMk cId="2666736856" sldId="296"/>
            <ac:spMk id="4" creationId="{803313EC-D520-FD4B-A885-441E1A8819EC}"/>
          </ac:spMkLst>
        </pc:spChg>
        <pc:spChg chg="add del mod">
          <ac:chgData name="Ameena Butt" userId="3740027a-9852-48ba-8a90-1d771889ae13" providerId="ADAL" clId="{679B35EB-49B0-2E4C-8B90-051BA0F2D65F}" dt="2020-11-11T08:29:49.393" v="347"/>
          <ac:spMkLst>
            <pc:docMk/>
            <pc:sldMk cId="2666736856" sldId="296"/>
            <ac:spMk id="5" creationId="{A8553BC6-57B1-FE41-961C-9B0F53C1E59A}"/>
          </ac:spMkLst>
        </pc:spChg>
        <pc:spChg chg="mod">
          <ac:chgData name="Ameena Butt" userId="3740027a-9852-48ba-8a90-1d771889ae13" providerId="ADAL" clId="{679B35EB-49B0-2E4C-8B90-051BA0F2D65F}" dt="2020-11-11T08:29:32.597" v="343" actId="20577"/>
          <ac:spMkLst>
            <pc:docMk/>
            <pc:sldMk cId="2666736856" sldId="296"/>
            <ac:spMk id="6" creationId="{2D81EBA2-E79D-4E73-80D8-CA877DCF40C7}"/>
          </ac:spMkLst>
        </pc:spChg>
        <pc:spChg chg="add mod">
          <ac:chgData name="Ameena Butt" userId="3740027a-9852-48ba-8a90-1d771889ae13" providerId="ADAL" clId="{679B35EB-49B0-2E4C-8B90-051BA0F2D65F}" dt="2020-11-11T13:12:34.298" v="453" actId="115"/>
          <ac:spMkLst>
            <pc:docMk/>
            <pc:sldMk cId="2666736856" sldId="296"/>
            <ac:spMk id="7" creationId="{EC5F1C1D-6D7E-1642-A67C-A3B4745E9C6D}"/>
          </ac:spMkLst>
        </pc:spChg>
        <pc:picChg chg="add mod">
          <ac:chgData name="Ameena Butt" userId="3740027a-9852-48ba-8a90-1d771889ae13" providerId="ADAL" clId="{679B35EB-49B0-2E4C-8B90-051BA0F2D65F}" dt="2020-11-12T12:40:50.832" v="507"/>
          <ac:picMkLst>
            <pc:docMk/>
            <pc:sldMk cId="2666736856" sldId="296"/>
            <ac:picMk id="8" creationId="{E66109CA-E47A-9D42-892F-DD8F1D9F68E0}"/>
          </ac:picMkLst>
        </pc:picChg>
      </pc:sldChg>
      <pc:sldChg chg="addSp modSp add mod ord">
        <pc:chgData name="Ameena Butt" userId="3740027a-9852-48ba-8a90-1d771889ae13" providerId="ADAL" clId="{679B35EB-49B0-2E4C-8B90-051BA0F2D65F}" dt="2020-11-12T12:40:54.980" v="509"/>
        <pc:sldMkLst>
          <pc:docMk/>
          <pc:sldMk cId="2819507123" sldId="297"/>
        </pc:sldMkLst>
        <pc:spChg chg="mod">
          <ac:chgData name="Ameena Butt" userId="3740027a-9852-48ba-8a90-1d771889ae13" providerId="ADAL" clId="{679B35EB-49B0-2E4C-8B90-051BA0F2D65F}" dt="2020-11-11T08:30:28.736" v="350" actId="113"/>
          <ac:spMkLst>
            <pc:docMk/>
            <pc:sldMk cId="2819507123" sldId="297"/>
            <ac:spMk id="6" creationId="{2D81EBA2-E79D-4E73-80D8-CA877DCF40C7}"/>
          </ac:spMkLst>
        </pc:spChg>
        <pc:picChg chg="add mod">
          <ac:chgData name="Ameena Butt" userId="3740027a-9852-48ba-8a90-1d771889ae13" providerId="ADAL" clId="{679B35EB-49B0-2E4C-8B90-051BA0F2D65F}" dt="2020-11-12T12:40:54.980" v="509"/>
          <ac:picMkLst>
            <pc:docMk/>
            <pc:sldMk cId="2819507123" sldId="297"/>
            <ac:picMk id="5" creationId="{A4124580-66BD-2549-97A6-B9DBCAB8AB5C}"/>
          </ac:picMkLst>
        </pc:picChg>
      </pc:sldChg>
      <pc:sldChg chg="addSp modSp add mod ord">
        <pc:chgData name="Ameena Butt" userId="3740027a-9852-48ba-8a90-1d771889ae13" providerId="ADAL" clId="{679B35EB-49B0-2E4C-8B90-051BA0F2D65F}" dt="2020-11-12T12:40:53.735" v="508"/>
        <pc:sldMkLst>
          <pc:docMk/>
          <pc:sldMk cId="3456485509" sldId="298"/>
        </pc:sldMkLst>
        <pc:spChg chg="mod">
          <ac:chgData name="Ameena Butt" userId="3740027a-9852-48ba-8a90-1d771889ae13" providerId="ADAL" clId="{679B35EB-49B0-2E4C-8B90-051BA0F2D65F}" dt="2020-11-11T08:46:15.170" v="374" actId="20577"/>
          <ac:spMkLst>
            <pc:docMk/>
            <pc:sldMk cId="3456485509" sldId="298"/>
            <ac:spMk id="2" creationId="{D56FE112-B46A-4C3E-B9DB-7DA3952D7192}"/>
          </ac:spMkLst>
        </pc:spChg>
        <pc:picChg chg="add mod">
          <ac:chgData name="Ameena Butt" userId="3740027a-9852-48ba-8a90-1d771889ae13" providerId="ADAL" clId="{679B35EB-49B0-2E4C-8B90-051BA0F2D65F}" dt="2020-11-12T12:40:53.735" v="508"/>
          <ac:picMkLst>
            <pc:docMk/>
            <pc:sldMk cId="3456485509" sldId="298"/>
            <ac:picMk id="5" creationId="{9E23D806-4926-6C4E-ADDB-04B7949B7970}"/>
          </ac:picMkLst>
        </pc:picChg>
      </pc:sldChg>
      <pc:sldChg chg="addSp modSp add mod">
        <pc:chgData name="Ameena Butt" userId="3740027a-9852-48ba-8a90-1d771889ae13" providerId="ADAL" clId="{679B35EB-49B0-2E4C-8B90-051BA0F2D65F}" dt="2020-11-12T12:40:28.596" v="498" actId="1037"/>
        <pc:sldMkLst>
          <pc:docMk/>
          <pc:sldMk cId="1977652892" sldId="299"/>
        </pc:sldMkLst>
        <pc:spChg chg="mod">
          <ac:chgData name="Ameena Butt" userId="3740027a-9852-48ba-8a90-1d771889ae13" providerId="ADAL" clId="{679B35EB-49B0-2E4C-8B90-051BA0F2D65F}" dt="2020-11-12T12:39:30.868" v="478" actId="20577"/>
          <ac:spMkLst>
            <pc:docMk/>
            <pc:sldMk cId="1977652892" sldId="299"/>
            <ac:spMk id="2" creationId="{D56FE112-B46A-4C3E-B9DB-7DA3952D7192}"/>
          </ac:spMkLst>
        </pc:spChg>
        <pc:picChg chg="add mod">
          <ac:chgData name="Ameena Butt" userId="3740027a-9852-48ba-8a90-1d771889ae13" providerId="ADAL" clId="{679B35EB-49B0-2E4C-8B90-051BA0F2D65F}" dt="2020-11-12T12:40:28.596" v="498" actId="1037"/>
          <ac:picMkLst>
            <pc:docMk/>
            <pc:sldMk cId="1977652892" sldId="299"/>
            <ac:picMk id="6" creationId="{D1EFE65D-13A9-A84D-930B-26A237733AAF}"/>
          </ac:picMkLst>
        </pc:picChg>
      </pc:sldChg>
      <pc:sldChg chg="delSp modSp add mod ord">
        <pc:chgData name="Ameena Butt" userId="3740027a-9852-48ba-8a90-1d771889ae13" providerId="ADAL" clId="{679B35EB-49B0-2E4C-8B90-051BA0F2D65F}" dt="2020-11-16T19:33:42.528" v="3201" actId="20577"/>
        <pc:sldMkLst>
          <pc:docMk/>
          <pc:sldMk cId="4139849734" sldId="300"/>
        </pc:sldMkLst>
        <pc:spChg chg="mod">
          <ac:chgData name="Ameena Butt" userId="3740027a-9852-48ba-8a90-1d771889ae13" providerId="ADAL" clId="{679B35EB-49B0-2E4C-8B90-051BA0F2D65F}" dt="2020-11-12T12:41:05.383" v="527" actId="20577"/>
          <ac:spMkLst>
            <pc:docMk/>
            <pc:sldMk cId="4139849734" sldId="300"/>
            <ac:spMk id="3" creationId="{86F37277-9C42-4BD1-927E-7F1962FB1120}"/>
          </ac:spMkLst>
        </pc:spChg>
        <pc:spChg chg="mod">
          <ac:chgData name="Ameena Butt" userId="3740027a-9852-48ba-8a90-1d771889ae13" providerId="ADAL" clId="{679B35EB-49B0-2E4C-8B90-051BA0F2D65F}" dt="2020-11-16T19:33:42.528" v="3201" actId="20577"/>
          <ac:spMkLst>
            <pc:docMk/>
            <pc:sldMk cId="4139849734" sldId="300"/>
            <ac:spMk id="6" creationId="{2D81EBA2-E79D-4E73-80D8-CA877DCF40C7}"/>
          </ac:spMkLst>
        </pc:spChg>
        <pc:picChg chg="del">
          <ac:chgData name="Ameena Butt" userId="3740027a-9852-48ba-8a90-1d771889ae13" providerId="ADAL" clId="{679B35EB-49B0-2E4C-8B90-051BA0F2D65F}" dt="2020-11-12T12:41:08.302" v="528" actId="478"/>
          <ac:picMkLst>
            <pc:docMk/>
            <pc:sldMk cId="4139849734" sldId="300"/>
            <ac:picMk id="4" creationId="{39BED3E2-94CD-8447-86A3-BF4F40515450}"/>
          </ac:picMkLst>
        </pc:picChg>
      </pc:sldChg>
      <pc:sldChg chg="addSp delSp modSp add mod">
        <pc:chgData name="Ameena Butt" userId="3740027a-9852-48ba-8a90-1d771889ae13" providerId="ADAL" clId="{679B35EB-49B0-2E4C-8B90-051BA0F2D65F}" dt="2020-11-16T19:34:33.108" v="3206" actId="6549"/>
        <pc:sldMkLst>
          <pc:docMk/>
          <pc:sldMk cId="4144805983" sldId="301"/>
        </pc:sldMkLst>
        <pc:spChg chg="mod">
          <ac:chgData name="Ameena Butt" userId="3740027a-9852-48ba-8a90-1d771889ae13" providerId="ADAL" clId="{679B35EB-49B0-2E4C-8B90-051BA0F2D65F}" dt="2020-11-14T21:24:49.762" v="1120" actId="20577"/>
          <ac:spMkLst>
            <pc:docMk/>
            <pc:sldMk cId="4144805983" sldId="301"/>
            <ac:spMk id="3" creationId="{86F37277-9C42-4BD1-927E-7F1962FB1120}"/>
          </ac:spMkLst>
        </pc:spChg>
        <pc:spChg chg="del">
          <ac:chgData name="Ameena Butt" userId="3740027a-9852-48ba-8a90-1d771889ae13" providerId="ADAL" clId="{679B35EB-49B0-2E4C-8B90-051BA0F2D65F}" dt="2020-11-12T12:56:45.694" v="829" actId="478"/>
          <ac:spMkLst>
            <pc:docMk/>
            <pc:sldMk cId="4144805983" sldId="301"/>
            <ac:spMk id="6" creationId="{2D81EBA2-E79D-4E73-80D8-CA877DCF40C7}"/>
          </ac:spMkLst>
        </pc:spChg>
        <pc:spChg chg="add del mod">
          <ac:chgData name="Ameena Butt" userId="3740027a-9852-48ba-8a90-1d771889ae13" providerId="ADAL" clId="{679B35EB-49B0-2E4C-8B90-051BA0F2D65F}" dt="2020-11-14T21:23:39.398" v="1015" actId="478"/>
          <ac:spMkLst>
            <pc:docMk/>
            <pc:sldMk cId="4144805983" sldId="301"/>
            <ac:spMk id="6" creationId="{B9A17A8D-8BC9-A347-B61F-BF05B4979578}"/>
          </ac:spMkLst>
        </pc:spChg>
        <pc:spChg chg="del">
          <ac:chgData name="Ameena Butt" userId="3740027a-9852-48ba-8a90-1d771889ae13" providerId="ADAL" clId="{679B35EB-49B0-2E4C-8B90-051BA0F2D65F}" dt="2020-11-12T12:56:43.293" v="828" actId="478"/>
          <ac:spMkLst>
            <pc:docMk/>
            <pc:sldMk cId="4144805983" sldId="301"/>
            <ac:spMk id="7" creationId="{EC5F1C1D-6D7E-1642-A67C-A3B4745E9C6D}"/>
          </ac:spMkLst>
        </pc:spChg>
        <pc:spChg chg="add del mod">
          <ac:chgData name="Ameena Butt" userId="3740027a-9852-48ba-8a90-1d771889ae13" providerId="ADAL" clId="{679B35EB-49B0-2E4C-8B90-051BA0F2D65F}" dt="2020-11-14T21:23:39.398" v="1015" actId="478"/>
          <ac:spMkLst>
            <pc:docMk/>
            <pc:sldMk cId="4144805983" sldId="301"/>
            <ac:spMk id="9" creationId="{85123D8F-61D3-AD4E-BA57-0259A1C94A35}"/>
          </ac:spMkLst>
        </pc:spChg>
        <pc:spChg chg="add del mod">
          <ac:chgData name="Ameena Butt" userId="3740027a-9852-48ba-8a90-1d771889ae13" providerId="ADAL" clId="{679B35EB-49B0-2E4C-8B90-051BA0F2D65F}" dt="2020-11-12T13:09:48.506" v="1010" actId="478"/>
          <ac:spMkLst>
            <pc:docMk/>
            <pc:sldMk cId="4144805983" sldId="301"/>
            <ac:spMk id="9" creationId="{CAEF6830-CF48-524D-9E41-F7BE0FF5181B}"/>
          </ac:spMkLst>
        </pc:spChg>
        <pc:spChg chg="add del mod">
          <ac:chgData name="Ameena Butt" userId="3740027a-9852-48ba-8a90-1d771889ae13" providerId="ADAL" clId="{679B35EB-49B0-2E4C-8B90-051BA0F2D65F}" dt="2020-11-14T21:23:39.398" v="1015" actId="478"/>
          <ac:spMkLst>
            <pc:docMk/>
            <pc:sldMk cId="4144805983" sldId="301"/>
            <ac:spMk id="11" creationId="{22D5E48D-686B-4745-92E1-250308D1E57E}"/>
          </ac:spMkLst>
        </pc:spChg>
        <pc:spChg chg="add del mod">
          <ac:chgData name="Ameena Butt" userId="3740027a-9852-48ba-8a90-1d771889ae13" providerId="ADAL" clId="{679B35EB-49B0-2E4C-8B90-051BA0F2D65F}" dt="2020-11-14T21:23:39.398" v="1015" actId="478"/>
          <ac:spMkLst>
            <pc:docMk/>
            <pc:sldMk cId="4144805983" sldId="301"/>
            <ac:spMk id="13" creationId="{08D2CF47-85E9-8340-AF5D-22FB9003599E}"/>
          </ac:spMkLst>
        </pc:spChg>
        <pc:spChg chg="add del mod">
          <ac:chgData name="Ameena Butt" userId="3740027a-9852-48ba-8a90-1d771889ae13" providerId="ADAL" clId="{679B35EB-49B0-2E4C-8B90-051BA0F2D65F}" dt="2020-11-14T21:23:39.398" v="1015" actId="478"/>
          <ac:spMkLst>
            <pc:docMk/>
            <pc:sldMk cId="4144805983" sldId="301"/>
            <ac:spMk id="14" creationId="{A78F5B05-AA63-6A4A-8B7F-C0635A0E6772}"/>
          </ac:spMkLst>
        </pc:spChg>
        <pc:spChg chg="add del mod">
          <ac:chgData name="Ameena Butt" userId="3740027a-9852-48ba-8a90-1d771889ae13" providerId="ADAL" clId="{679B35EB-49B0-2E4C-8B90-051BA0F2D65F}" dt="2020-11-14T21:23:39.398" v="1015" actId="478"/>
          <ac:spMkLst>
            <pc:docMk/>
            <pc:sldMk cId="4144805983" sldId="301"/>
            <ac:spMk id="15" creationId="{36ED4DFF-5959-7849-9325-0410468519AA}"/>
          </ac:spMkLst>
        </pc:spChg>
        <pc:spChg chg="add del mod">
          <ac:chgData name="Ameena Butt" userId="3740027a-9852-48ba-8a90-1d771889ae13" providerId="ADAL" clId="{679B35EB-49B0-2E4C-8B90-051BA0F2D65F}" dt="2020-11-14T21:23:39.398" v="1015" actId="478"/>
          <ac:spMkLst>
            <pc:docMk/>
            <pc:sldMk cId="4144805983" sldId="301"/>
            <ac:spMk id="16" creationId="{35915D4F-9101-8045-983B-8DF4311EEB63}"/>
          </ac:spMkLst>
        </pc:spChg>
        <pc:spChg chg="add del mod">
          <ac:chgData name="Ameena Butt" userId="3740027a-9852-48ba-8a90-1d771889ae13" providerId="ADAL" clId="{679B35EB-49B0-2E4C-8B90-051BA0F2D65F}" dt="2020-11-12T13:09:48.506" v="1010" actId="478"/>
          <ac:spMkLst>
            <pc:docMk/>
            <pc:sldMk cId="4144805983" sldId="301"/>
            <ac:spMk id="17" creationId="{09D765CB-22BA-694D-BB20-2FAA6981A99E}"/>
          </ac:spMkLst>
        </pc:spChg>
        <pc:spChg chg="add del mod">
          <ac:chgData name="Ameena Butt" userId="3740027a-9852-48ba-8a90-1d771889ae13" providerId="ADAL" clId="{679B35EB-49B0-2E4C-8B90-051BA0F2D65F}" dt="2020-11-14T21:23:39.398" v="1015" actId="478"/>
          <ac:spMkLst>
            <pc:docMk/>
            <pc:sldMk cId="4144805983" sldId="301"/>
            <ac:spMk id="17" creationId="{E36CFF1D-3E2A-A149-B40C-79C53851A685}"/>
          </ac:spMkLst>
        </pc:spChg>
        <pc:spChg chg="add del mod">
          <ac:chgData name="Ameena Butt" userId="3740027a-9852-48ba-8a90-1d771889ae13" providerId="ADAL" clId="{679B35EB-49B0-2E4C-8B90-051BA0F2D65F}" dt="2020-11-12T13:08:55.582" v="956"/>
          <ac:spMkLst>
            <pc:docMk/>
            <pc:sldMk cId="4144805983" sldId="301"/>
            <ac:spMk id="18" creationId="{85CFB78E-B121-2D41-8647-38A4731130FF}"/>
          </ac:spMkLst>
        </pc:spChg>
        <pc:spChg chg="add del mod">
          <ac:chgData name="Ameena Butt" userId="3740027a-9852-48ba-8a90-1d771889ae13" providerId="ADAL" clId="{679B35EB-49B0-2E4C-8B90-051BA0F2D65F}" dt="2020-11-14T21:23:39.398" v="1015" actId="478"/>
          <ac:spMkLst>
            <pc:docMk/>
            <pc:sldMk cId="4144805983" sldId="301"/>
            <ac:spMk id="18" creationId="{FDD407FB-2AC0-DD42-B4E3-7364008ECFA3}"/>
          </ac:spMkLst>
        </pc:spChg>
        <pc:spChg chg="add del mod">
          <ac:chgData name="Ameena Butt" userId="3740027a-9852-48ba-8a90-1d771889ae13" providerId="ADAL" clId="{679B35EB-49B0-2E4C-8B90-051BA0F2D65F}" dt="2020-11-14T21:23:39.398" v="1015" actId="478"/>
          <ac:spMkLst>
            <pc:docMk/>
            <pc:sldMk cId="4144805983" sldId="301"/>
            <ac:spMk id="19" creationId="{BAA4BA89-4CD5-C343-B12D-C47FB4B5F3AC}"/>
          </ac:spMkLst>
        </pc:spChg>
        <pc:spChg chg="add del mod">
          <ac:chgData name="Ameena Butt" userId="3740027a-9852-48ba-8a90-1d771889ae13" providerId="ADAL" clId="{679B35EB-49B0-2E4C-8B90-051BA0F2D65F}" dt="2020-11-14T21:23:39.398" v="1015" actId="478"/>
          <ac:spMkLst>
            <pc:docMk/>
            <pc:sldMk cId="4144805983" sldId="301"/>
            <ac:spMk id="20" creationId="{8CFD7833-C54F-A34B-B5EF-ED4F2848D97F}"/>
          </ac:spMkLst>
        </pc:spChg>
        <pc:spChg chg="add del mod">
          <ac:chgData name="Ameena Butt" userId="3740027a-9852-48ba-8a90-1d771889ae13" providerId="ADAL" clId="{679B35EB-49B0-2E4C-8B90-051BA0F2D65F}" dt="2020-11-12T13:09:48.506" v="1010" actId="478"/>
          <ac:spMkLst>
            <pc:docMk/>
            <pc:sldMk cId="4144805983" sldId="301"/>
            <ac:spMk id="20" creationId="{9D98F1A7-37B1-0643-8263-35D389C2E60A}"/>
          </ac:spMkLst>
        </pc:spChg>
        <pc:spChg chg="add del mod">
          <ac:chgData name="Ameena Butt" userId="3740027a-9852-48ba-8a90-1d771889ae13" providerId="ADAL" clId="{679B35EB-49B0-2E4C-8B90-051BA0F2D65F}" dt="2020-11-14T21:23:39.398" v="1015" actId="478"/>
          <ac:spMkLst>
            <pc:docMk/>
            <pc:sldMk cId="4144805983" sldId="301"/>
            <ac:spMk id="22" creationId="{B5C6D5D4-84CD-1947-B6EC-1B979B378E56}"/>
          </ac:spMkLst>
        </pc:spChg>
        <pc:spChg chg="add del mod">
          <ac:chgData name="Ameena Butt" userId="3740027a-9852-48ba-8a90-1d771889ae13" providerId="ADAL" clId="{679B35EB-49B0-2E4C-8B90-051BA0F2D65F}" dt="2020-11-14T21:23:39.398" v="1015" actId="478"/>
          <ac:spMkLst>
            <pc:docMk/>
            <pc:sldMk cId="4144805983" sldId="301"/>
            <ac:spMk id="23" creationId="{93D35602-CC4A-E244-B256-D479595C8E52}"/>
          </ac:spMkLst>
        </pc:spChg>
        <pc:spChg chg="add del mod">
          <ac:chgData name="Ameena Butt" userId="3740027a-9852-48ba-8a90-1d771889ae13" providerId="ADAL" clId="{679B35EB-49B0-2E4C-8B90-051BA0F2D65F}" dt="2020-11-14T21:23:39.398" v="1015" actId="478"/>
          <ac:spMkLst>
            <pc:docMk/>
            <pc:sldMk cId="4144805983" sldId="301"/>
            <ac:spMk id="24" creationId="{5F80820D-8E46-4247-AE7F-C21BCB1321A4}"/>
          </ac:spMkLst>
        </pc:spChg>
        <pc:spChg chg="add del mod">
          <ac:chgData name="Ameena Butt" userId="3740027a-9852-48ba-8a90-1d771889ae13" providerId="ADAL" clId="{679B35EB-49B0-2E4C-8B90-051BA0F2D65F}" dt="2020-11-14T21:23:39.398" v="1015" actId="478"/>
          <ac:spMkLst>
            <pc:docMk/>
            <pc:sldMk cId="4144805983" sldId="301"/>
            <ac:spMk id="25" creationId="{C0C1F77C-0AE7-1C4B-B2FC-B698C3C8D75C}"/>
          </ac:spMkLst>
        </pc:spChg>
        <pc:spChg chg="add del mod">
          <ac:chgData name="Ameena Butt" userId="3740027a-9852-48ba-8a90-1d771889ae13" providerId="ADAL" clId="{679B35EB-49B0-2E4C-8B90-051BA0F2D65F}" dt="2020-11-14T21:23:39.398" v="1015" actId="478"/>
          <ac:spMkLst>
            <pc:docMk/>
            <pc:sldMk cId="4144805983" sldId="301"/>
            <ac:spMk id="26" creationId="{4E3E4489-AEF4-9C4A-AA76-0C265A0519EB}"/>
          </ac:spMkLst>
        </pc:spChg>
        <pc:spChg chg="add del mod">
          <ac:chgData name="Ameena Butt" userId="3740027a-9852-48ba-8a90-1d771889ae13" providerId="ADAL" clId="{679B35EB-49B0-2E4C-8B90-051BA0F2D65F}" dt="2020-11-14T21:23:39.398" v="1015" actId="478"/>
          <ac:spMkLst>
            <pc:docMk/>
            <pc:sldMk cId="4144805983" sldId="301"/>
            <ac:spMk id="27" creationId="{33B8BC94-4767-5D48-8F4C-AD85AACEE49E}"/>
          </ac:spMkLst>
        </pc:spChg>
        <pc:spChg chg="add mod">
          <ac:chgData name="Ameena Butt" userId="3740027a-9852-48ba-8a90-1d771889ae13" providerId="ADAL" clId="{679B35EB-49B0-2E4C-8B90-051BA0F2D65F}" dt="2020-11-16T19:34:33.108" v="3206" actId="6549"/>
          <ac:spMkLst>
            <pc:docMk/>
            <pc:sldMk cId="4144805983" sldId="301"/>
            <ac:spMk id="28" creationId="{AFC390C5-BCB5-964D-98A3-48C78598BFEA}"/>
          </ac:spMkLst>
        </pc:spChg>
        <pc:spChg chg="add mod">
          <ac:chgData name="Ameena Butt" userId="3740027a-9852-48ba-8a90-1d771889ae13" providerId="ADAL" clId="{679B35EB-49B0-2E4C-8B90-051BA0F2D65F}" dt="2020-11-15T12:27:55.955" v="2208" actId="1076"/>
          <ac:spMkLst>
            <pc:docMk/>
            <pc:sldMk cId="4144805983" sldId="301"/>
            <ac:spMk id="32" creationId="{0CDC2F05-7F4F-8748-9872-E80E8D327937}"/>
          </ac:spMkLst>
        </pc:spChg>
        <pc:spChg chg="add mod">
          <ac:chgData name="Ameena Butt" userId="3740027a-9852-48ba-8a90-1d771889ae13" providerId="ADAL" clId="{679B35EB-49B0-2E4C-8B90-051BA0F2D65F}" dt="2020-11-15T11:39:23.362" v="1156" actId="20577"/>
          <ac:spMkLst>
            <pc:docMk/>
            <pc:sldMk cId="4144805983" sldId="301"/>
            <ac:spMk id="35" creationId="{78A30820-9ED7-4145-AB7E-4D150E4122CA}"/>
          </ac:spMkLst>
        </pc:spChg>
        <pc:spChg chg="add mod">
          <ac:chgData name="Ameena Butt" userId="3740027a-9852-48ba-8a90-1d771889ae13" providerId="ADAL" clId="{679B35EB-49B0-2E4C-8B90-051BA0F2D65F}" dt="2020-11-15T12:03:47.226" v="1579" actId="20577"/>
          <ac:spMkLst>
            <pc:docMk/>
            <pc:sldMk cId="4144805983" sldId="301"/>
            <ac:spMk id="37" creationId="{1E180605-9875-764E-95BF-A5E3DAA6CDB2}"/>
          </ac:spMkLst>
        </pc:spChg>
        <pc:spChg chg="add mod">
          <ac:chgData name="Ameena Butt" userId="3740027a-9852-48ba-8a90-1d771889ae13" providerId="ADAL" clId="{679B35EB-49B0-2E4C-8B90-051BA0F2D65F}" dt="2020-11-15T12:49:58.462" v="3129" actId="1076"/>
          <ac:spMkLst>
            <pc:docMk/>
            <pc:sldMk cId="4144805983" sldId="301"/>
            <ac:spMk id="39" creationId="{000D1375-0A62-494D-8DB9-81ED80045ACC}"/>
          </ac:spMkLst>
        </pc:spChg>
        <pc:spChg chg="add mod">
          <ac:chgData name="Ameena Butt" userId="3740027a-9852-48ba-8a90-1d771889ae13" providerId="ADAL" clId="{679B35EB-49B0-2E4C-8B90-051BA0F2D65F}" dt="2020-11-15T12:29:10.642" v="2299" actId="20577"/>
          <ac:spMkLst>
            <pc:docMk/>
            <pc:sldMk cId="4144805983" sldId="301"/>
            <ac:spMk id="40" creationId="{89C48FD2-A358-0542-A225-E21F6D2B56F2}"/>
          </ac:spMkLst>
        </pc:spChg>
        <pc:spChg chg="add mod">
          <ac:chgData name="Ameena Butt" userId="3740027a-9852-48ba-8a90-1d771889ae13" providerId="ADAL" clId="{679B35EB-49B0-2E4C-8B90-051BA0F2D65F}" dt="2020-11-15T12:30:17.757" v="2329" actId="1076"/>
          <ac:spMkLst>
            <pc:docMk/>
            <pc:sldMk cId="4144805983" sldId="301"/>
            <ac:spMk id="41" creationId="{1DA5E973-2158-DC4A-BF1D-25563422DF20}"/>
          </ac:spMkLst>
        </pc:spChg>
        <pc:spChg chg="add del mod">
          <ac:chgData name="Ameena Butt" userId="3740027a-9852-48ba-8a90-1d771889ae13" providerId="ADAL" clId="{679B35EB-49B0-2E4C-8B90-051BA0F2D65F}" dt="2020-11-15T12:29:28.631" v="2319" actId="478"/>
          <ac:spMkLst>
            <pc:docMk/>
            <pc:sldMk cId="4144805983" sldId="301"/>
            <ac:spMk id="42" creationId="{CCF34B85-D414-1541-BFB8-241A0A60B3EC}"/>
          </ac:spMkLst>
        </pc:spChg>
        <pc:spChg chg="add mod">
          <ac:chgData name="Ameena Butt" userId="3740027a-9852-48ba-8a90-1d771889ae13" providerId="ADAL" clId="{679B35EB-49B0-2E4C-8B90-051BA0F2D65F}" dt="2020-11-15T12:33:51.958" v="2540" actId="1076"/>
          <ac:spMkLst>
            <pc:docMk/>
            <pc:sldMk cId="4144805983" sldId="301"/>
            <ac:spMk id="43" creationId="{ABAD0511-39C9-194A-929C-0CC3E30E56F6}"/>
          </ac:spMkLst>
        </pc:spChg>
        <pc:spChg chg="add del mod">
          <ac:chgData name="Ameena Butt" userId="3740027a-9852-48ba-8a90-1d771889ae13" providerId="ADAL" clId="{679B35EB-49B0-2E4C-8B90-051BA0F2D65F}" dt="2020-11-15T12:34:53.651" v="2633" actId="478"/>
          <ac:spMkLst>
            <pc:docMk/>
            <pc:sldMk cId="4144805983" sldId="301"/>
            <ac:spMk id="44" creationId="{DF44C808-CF4B-1A40-B6D5-A828E2F82137}"/>
          </ac:spMkLst>
        </pc:spChg>
        <pc:spChg chg="add mod">
          <ac:chgData name="Ameena Butt" userId="3740027a-9852-48ba-8a90-1d771889ae13" providerId="ADAL" clId="{679B35EB-49B0-2E4C-8B90-051BA0F2D65F}" dt="2020-11-15T12:08:25.623" v="1604" actId="20577"/>
          <ac:spMkLst>
            <pc:docMk/>
            <pc:sldMk cId="4144805983" sldId="301"/>
            <ac:spMk id="48" creationId="{12FD9661-58B4-3F43-B850-E3D271BD11AE}"/>
          </ac:spMkLst>
        </pc:spChg>
        <pc:spChg chg="add mod">
          <ac:chgData name="Ameena Butt" userId="3740027a-9852-48ba-8a90-1d771889ae13" providerId="ADAL" clId="{679B35EB-49B0-2E4C-8B90-051BA0F2D65F}" dt="2020-11-15T11:57:36.362" v="1382" actId="14100"/>
          <ac:spMkLst>
            <pc:docMk/>
            <pc:sldMk cId="4144805983" sldId="301"/>
            <ac:spMk id="49" creationId="{383FEE7E-56F8-6A41-8621-9B0F57645632}"/>
          </ac:spMkLst>
        </pc:spChg>
        <pc:spChg chg="add mod">
          <ac:chgData name="Ameena Butt" userId="3740027a-9852-48ba-8a90-1d771889ae13" providerId="ADAL" clId="{679B35EB-49B0-2E4C-8B90-051BA0F2D65F}" dt="2020-11-15T12:08:03.584" v="1601" actId="20577"/>
          <ac:spMkLst>
            <pc:docMk/>
            <pc:sldMk cId="4144805983" sldId="301"/>
            <ac:spMk id="50" creationId="{D6CA5D1D-81DB-E146-852B-AAAABF96D2D9}"/>
          </ac:spMkLst>
        </pc:spChg>
        <pc:spChg chg="add mod">
          <ac:chgData name="Ameena Butt" userId="3740027a-9852-48ba-8a90-1d771889ae13" providerId="ADAL" clId="{679B35EB-49B0-2E4C-8B90-051BA0F2D65F}" dt="2020-11-15T11:54:46.269" v="1291" actId="1076"/>
          <ac:spMkLst>
            <pc:docMk/>
            <pc:sldMk cId="4144805983" sldId="301"/>
            <ac:spMk id="51" creationId="{3A400206-3778-3740-A6D3-C01F84EA9ECC}"/>
          </ac:spMkLst>
        </pc:spChg>
        <pc:spChg chg="add mod">
          <ac:chgData name="Ameena Butt" userId="3740027a-9852-48ba-8a90-1d771889ae13" providerId="ADAL" clId="{679B35EB-49B0-2E4C-8B90-051BA0F2D65F}" dt="2020-11-15T12:03:05.154" v="1566" actId="1076"/>
          <ac:spMkLst>
            <pc:docMk/>
            <pc:sldMk cId="4144805983" sldId="301"/>
            <ac:spMk id="52" creationId="{FEE7AEE3-178B-1A4C-8619-03800DFECE8C}"/>
          </ac:spMkLst>
        </pc:spChg>
        <pc:spChg chg="add del mod">
          <ac:chgData name="Ameena Butt" userId="3740027a-9852-48ba-8a90-1d771889ae13" providerId="ADAL" clId="{679B35EB-49B0-2E4C-8B90-051BA0F2D65F}" dt="2020-11-15T12:00:32.874" v="1427"/>
          <ac:spMkLst>
            <pc:docMk/>
            <pc:sldMk cId="4144805983" sldId="301"/>
            <ac:spMk id="63" creationId="{550C5E34-3121-8544-9C06-062EB16C7B5E}"/>
          </ac:spMkLst>
        </pc:spChg>
        <pc:spChg chg="add mod">
          <ac:chgData name="Ameena Butt" userId="3740027a-9852-48ba-8a90-1d771889ae13" providerId="ADAL" clId="{679B35EB-49B0-2E4C-8B90-051BA0F2D65F}" dt="2020-11-15T12:14:26.670" v="1692" actId="20577"/>
          <ac:spMkLst>
            <pc:docMk/>
            <pc:sldMk cId="4144805983" sldId="301"/>
            <ac:spMk id="64" creationId="{2A9040AB-C4D8-E149-A093-AB60476A30B3}"/>
          </ac:spMkLst>
        </pc:spChg>
        <pc:spChg chg="add del mod">
          <ac:chgData name="Ameena Butt" userId="3740027a-9852-48ba-8a90-1d771889ae13" providerId="ADAL" clId="{679B35EB-49B0-2E4C-8B90-051BA0F2D65F}" dt="2020-11-15T12:21:24.693" v="1845" actId="478"/>
          <ac:spMkLst>
            <pc:docMk/>
            <pc:sldMk cId="4144805983" sldId="301"/>
            <ac:spMk id="65" creationId="{C5BE3BE4-A7E4-2F47-B572-8E343FB5997F}"/>
          </ac:spMkLst>
        </pc:spChg>
        <pc:spChg chg="add mod">
          <ac:chgData name="Ameena Butt" userId="3740027a-9852-48ba-8a90-1d771889ae13" providerId="ADAL" clId="{679B35EB-49B0-2E4C-8B90-051BA0F2D65F}" dt="2020-11-16T19:33:06.167" v="3193" actId="20577"/>
          <ac:spMkLst>
            <pc:docMk/>
            <pc:sldMk cId="4144805983" sldId="301"/>
            <ac:spMk id="66" creationId="{65B6845B-E842-1841-9347-6E0F2ADE05F8}"/>
          </ac:spMkLst>
        </pc:spChg>
        <pc:spChg chg="add del mod">
          <ac:chgData name="Ameena Butt" userId="3740027a-9852-48ba-8a90-1d771889ae13" providerId="ADAL" clId="{679B35EB-49B0-2E4C-8B90-051BA0F2D65F}" dt="2020-11-15T12:11:26.676" v="1608" actId="478"/>
          <ac:spMkLst>
            <pc:docMk/>
            <pc:sldMk cId="4144805983" sldId="301"/>
            <ac:spMk id="67" creationId="{874163B3-7521-BE47-AB6C-2A116ABA6A22}"/>
          </ac:spMkLst>
        </pc:spChg>
        <pc:spChg chg="add del mod">
          <ac:chgData name="Ameena Butt" userId="3740027a-9852-48ba-8a90-1d771889ae13" providerId="ADAL" clId="{679B35EB-49B0-2E4C-8B90-051BA0F2D65F}" dt="2020-11-15T12:11:40.123" v="1610" actId="478"/>
          <ac:spMkLst>
            <pc:docMk/>
            <pc:sldMk cId="4144805983" sldId="301"/>
            <ac:spMk id="68" creationId="{67DF1BA0-EE0A-B940-9996-2C6F4CF85B49}"/>
          </ac:spMkLst>
        </pc:spChg>
        <pc:spChg chg="add mod">
          <ac:chgData name="Ameena Butt" userId="3740027a-9852-48ba-8a90-1d771889ae13" providerId="ADAL" clId="{679B35EB-49B0-2E4C-8B90-051BA0F2D65F}" dt="2020-11-15T12:25:39.508" v="2194" actId="1037"/>
          <ac:spMkLst>
            <pc:docMk/>
            <pc:sldMk cId="4144805983" sldId="301"/>
            <ac:spMk id="69" creationId="{234E02A0-44FE-074B-981B-A1A74A033B5A}"/>
          </ac:spMkLst>
        </pc:spChg>
        <pc:spChg chg="add mod">
          <ac:chgData name="Ameena Butt" userId="3740027a-9852-48ba-8a90-1d771889ae13" providerId="ADAL" clId="{679B35EB-49B0-2E4C-8B90-051BA0F2D65F}" dt="2020-11-15T12:40:33.303" v="2832" actId="1076"/>
          <ac:spMkLst>
            <pc:docMk/>
            <pc:sldMk cId="4144805983" sldId="301"/>
            <ac:spMk id="70" creationId="{B21C7B36-6841-C642-BFDE-0B08B9AF99F2}"/>
          </ac:spMkLst>
        </pc:spChg>
        <pc:spChg chg="add mod">
          <ac:chgData name="Ameena Butt" userId="3740027a-9852-48ba-8a90-1d771889ae13" providerId="ADAL" clId="{679B35EB-49B0-2E4C-8B90-051BA0F2D65F}" dt="2020-11-15T12:25:48.694" v="2201" actId="1037"/>
          <ac:spMkLst>
            <pc:docMk/>
            <pc:sldMk cId="4144805983" sldId="301"/>
            <ac:spMk id="71" creationId="{D39EF7E1-1801-0E48-B532-6FB40024B851}"/>
          </ac:spMkLst>
        </pc:spChg>
        <pc:spChg chg="add mod">
          <ac:chgData name="Ameena Butt" userId="3740027a-9852-48ba-8a90-1d771889ae13" providerId="ADAL" clId="{679B35EB-49B0-2E4C-8B90-051BA0F2D65F}" dt="2020-11-15T12:25:48.694" v="2201" actId="1037"/>
          <ac:spMkLst>
            <pc:docMk/>
            <pc:sldMk cId="4144805983" sldId="301"/>
            <ac:spMk id="72" creationId="{A5BAC920-3E40-024A-A562-72662E2DA217}"/>
          </ac:spMkLst>
        </pc:spChg>
        <pc:spChg chg="add mod">
          <ac:chgData name="Ameena Butt" userId="3740027a-9852-48ba-8a90-1d771889ae13" providerId="ADAL" clId="{679B35EB-49B0-2E4C-8B90-051BA0F2D65F}" dt="2020-11-15T12:26:14.082" v="2207" actId="1035"/>
          <ac:spMkLst>
            <pc:docMk/>
            <pc:sldMk cId="4144805983" sldId="301"/>
            <ac:spMk id="74" creationId="{94E0A9F2-A2B9-6945-A764-45C80F1E72A6}"/>
          </ac:spMkLst>
        </pc:spChg>
        <pc:spChg chg="add mod">
          <ac:chgData name="Ameena Butt" userId="3740027a-9852-48ba-8a90-1d771889ae13" providerId="ADAL" clId="{679B35EB-49B0-2E4C-8B90-051BA0F2D65F}" dt="2020-11-15T12:53:41.480" v="3160" actId="20577"/>
          <ac:spMkLst>
            <pc:docMk/>
            <pc:sldMk cId="4144805983" sldId="301"/>
            <ac:spMk id="81" creationId="{CA3F1054-1EBC-0D4E-8146-56522D5F11A3}"/>
          </ac:spMkLst>
        </pc:spChg>
        <pc:spChg chg="add mod">
          <ac:chgData name="Ameena Butt" userId="3740027a-9852-48ba-8a90-1d771889ae13" providerId="ADAL" clId="{679B35EB-49B0-2E4C-8B90-051BA0F2D65F}" dt="2020-11-15T12:55:46.753" v="3189" actId="20577"/>
          <ac:spMkLst>
            <pc:docMk/>
            <pc:sldMk cId="4144805983" sldId="301"/>
            <ac:spMk id="83" creationId="{023B9FEA-6311-9440-88D8-1F73D231FA34}"/>
          </ac:spMkLst>
        </pc:spChg>
        <pc:spChg chg="add mod">
          <ac:chgData name="Ameena Butt" userId="3740027a-9852-48ba-8a90-1d771889ae13" providerId="ADAL" clId="{679B35EB-49B0-2E4C-8B90-051BA0F2D65F}" dt="2020-11-15T12:40:02.844" v="2831" actId="20577"/>
          <ac:spMkLst>
            <pc:docMk/>
            <pc:sldMk cId="4144805983" sldId="301"/>
            <ac:spMk id="87" creationId="{64B7A019-4B04-2347-8DCB-A8619F3393C7}"/>
          </ac:spMkLst>
        </pc:spChg>
        <pc:spChg chg="add mod">
          <ac:chgData name="Ameena Butt" userId="3740027a-9852-48ba-8a90-1d771889ae13" providerId="ADAL" clId="{679B35EB-49B0-2E4C-8B90-051BA0F2D65F}" dt="2020-11-15T12:39:54.017" v="2824" actId="20577"/>
          <ac:spMkLst>
            <pc:docMk/>
            <pc:sldMk cId="4144805983" sldId="301"/>
            <ac:spMk id="90" creationId="{D803970E-9635-264B-8418-4796B52DCE9F}"/>
          </ac:spMkLst>
        </pc:spChg>
        <pc:spChg chg="add del mod">
          <ac:chgData name="Ameena Butt" userId="3740027a-9852-48ba-8a90-1d771889ae13" providerId="ADAL" clId="{679B35EB-49B0-2E4C-8B90-051BA0F2D65F}" dt="2020-11-15T12:34:49.388" v="2630" actId="478"/>
          <ac:spMkLst>
            <pc:docMk/>
            <pc:sldMk cId="4144805983" sldId="301"/>
            <ac:spMk id="92" creationId="{C8125509-7C9F-B643-AC26-7ABE339314FF}"/>
          </ac:spMkLst>
        </pc:spChg>
        <pc:spChg chg="add mod">
          <ac:chgData name="Ameena Butt" userId="3740027a-9852-48ba-8a90-1d771889ae13" providerId="ADAL" clId="{679B35EB-49B0-2E4C-8B90-051BA0F2D65F}" dt="2020-11-15T12:49:55.268" v="3128" actId="1076"/>
          <ac:spMkLst>
            <pc:docMk/>
            <pc:sldMk cId="4144805983" sldId="301"/>
            <ac:spMk id="97" creationId="{64B2F49B-465F-124C-9D34-A5915D8F72B7}"/>
          </ac:spMkLst>
        </pc:spChg>
        <pc:picChg chg="add del mod">
          <ac:chgData name="Ameena Butt" userId="3740027a-9852-48ba-8a90-1d771889ae13" providerId="ADAL" clId="{679B35EB-49B0-2E4C-8B90-051BA0F2D65F}" dt="2020-11-12T13:02:22.048" v="832" actId="478"/>
          <ac:picMkLst>
            <pc:docMk/>
            <pc:sldMk cId="4144805983" sldId="301"/>
            <ac:picMk id="1026" creationId="{01690400-3E63-A94B-AC31-E6322EBE0414}"/>
          </ac:picMkLst>
        </pc:picChg>
        <pc:picChg chg="add del">
          <ac:chgData name="Ameena Butt" userId="3740027a-9852-48ba-8a90-1d771889ae13" providerId="ADAL" clId="{679B35EB-49B0-2E4C-8B90-051BA0F2D65F}" dt="2020-11-12T13:02:42.254" v="834"/>
          <ac:picMkLst>
            <pc:docMk/>
            <pc:sldMk cId="4144805983" sldId="301"/>
            <ac:picMk id="1028" creationId="{5E242F51-4E81-7E46-9F56-6EFF71DFF949}"/>
          </ac:picMkLst>
        </pc:picChg>
        <pc:picChg chg="add del mod">
          <ac:chgData name="Ameena Butt" userId="3740027a-9852-48ba-8a90-1d771889ae13" providerId="ADAL" clId="{679B35EB-49B0-2E4C-8B90-051BA0F2D65F}" dt="2020-11-12T13:08:50.959" v="954" actId="478"/>
          <ac:picMkLst>
            <pc:docMk/>
            <pc:sldMk cId="4144805983" sldId="301"/>
            <ac:picMk id="1030" creationId="{2F7059F6-9B55-B44E-BC4C-2130721E543B}"/>
          </ac:picMkLst>
        </pc:picChg>
        <pc:cxnChg chg="add del mod">
          <ac:chgData name="Ameena Butt" userId="3740027a-9852-48ba-8a90-1d771889ae13" providerId="ADAL" clId="{679B35EB-49B0-2E4C-8B90-051BA0F2D65F}" dt="2020-11-14T21:23:39.398" v="1015" actId="478"/>
          <ac:cxnSpMkLst>
            <pc:docMk/>
            <pc:sldMk cId="4144805983" sldId="301"/>
            <ac:cxnSpMk id="5" creationId="{98D557CE-6C1E-094E-8AAF-ED6371755DC3}"/>
          </ac:cxnSpMkLst>
        </pc:cxnChg>
        <pc:cxnChg chg="add del mod">
          <ac:chgData name="Ameena Butt" userId="3740027a-9852-48ba-8a90-1d771889ae13" providerId="ADAL" clId="{679B35EB-49B0-2E4C-8B90-051BA0F2D65F}" dt="2020-11-12T13:09:48.506" v="1010" actId="478"/>
          <ac:cxnSpMkLst>
            <pc:docMk/>
            <pc:sldMk cId="4144805983" sldId="301"/>
            <ac:cxnSpMk id="5" creationId="{C82D9F25-8634-0448-863B-3C0B2524BB75}"/>
          </ac:cxnSpMkLst>
        </pc:cxnChg>
        <pc:cxnChg chg="add del mod">
          <ac:chgData name="Ameena Butt" userId="3740027a-9852-48ba-8a90-1d771889ae13" providerId="ADAL" clId="{679B35EB-49B0-2E4C-8B90-051BA0F2D65F}" dt="2020-11-14T21:23:39.398" v="1015" actId="478"/>
          <ac:cxnSpMkLst>
            <pc:docMk/>
            <pc:sldMk cId="4144805983" sldId="301"/>
            <ac:cxnSpMk id="7" creationId="{B05B8B5D-36DE-6B49-8362-228C7D1A8515}"/>
          </ac:cxnSpMkLst>
        </pc:cxnChg>
        <pc:cxnChg chg="add del mod">
          <ac:chgData name="Ameena Butt" userId="3740027a-9852-48ba-8a90-1d771889ae13" providerId="ADAL" clId="{679B35EB-49B0-2E4C-8B90-051BA0F2D65F}" dt="2020-11-14T21:23:39.398" v="1015" actId="478"/>
          <ac:cxnSpMkLst>
            <pc:docMk/>
            <pc:sldMk cId="4144805983" sldId="301"/>
            <ac:cxnSpMk id="10" creationId="{4B60A26F-15BC-0248-B28D-85BAF02D6297}"/>
          </ac:cxnSpMkLst>
        </pc:cxnChg>
        <pc:cxnChg chg="add del mod">
          <ac:chgData name="Ameena Butt" userId="3740027a-9852-48ba-8a90-1d771889ae13" providerId="ADAL" clId="{679B35EB-49B0-2E4C-8B90-051BA0F2D65F}" dt="2020-11-14T21:23:39.398" v="1015" actId="478"/>
          <ac:cxnSpMkLst>
            <pc:docMk/>
            <pc:sldMk cId="4144805983" sldId="301"/>
            <ac:cxnSpMk id="12" creationId="{D1392561-145B-DB4C-8FA4-7DBDD21832B5}"/>
          </ac:cxnSpMkLst>
        </pc:cxnChg>
        <pc:cxnChg chg="add del mod">
          <ac:chgData name="Ameena Butt" userId="3740027a-9852-48ba-8a90-1d771889ae13" providerId="ADAL" clId="{679B35EB-49B0-2E4C-8B90-051BA0F2D65F}" dt="2020-11-12T13:09:48.506" v="1010" actId="478"/>
          <ac:cxnSpMkLst>
            <pc:docMk/>
            <pc:sldMk cId="4144805983" sldId="301"/>
            <ac:cxnSpMk id="14" creationId="{94E080BA-D363-F74A-9B0F-3987D9D25A7C}"/>
          </ac:cxnSpMkLst>
        </pc:cxnChg>
        <pc:cxnChg chg="add del mod">
          <ac:chgData name="Ameena Butt" userId="3740027a-9852-48ba-8a90-1d771889ae13" providerId="ADAL" clId="{679B35EB-49B0-2E4C-8B90-051BA0F2D65F}" dt="2020-11-12T13:09:48.506" v="1010" actId="478"/>
          <ac:cxnSpMkLst>
            <pc:docMk/>
            <pc:sldMk cId="4144805983" sldId="301"/>
            <ac:cxnSpMk id="19" creationId="{5CDCDC2A-D2D9-AA41-9995-159A4CA9190A}"/>
          </ac:cxnSpMkLst>
        </pc:cxnChg>
        <pc:cxnChg chg="add del mod">
          <ac:chgData name="Ameena Butt" userId="3740027a-9852-48ba-8a90-1d771889ae13" providerId="ADAL" clId="{679B35EB-49B0-2E4C-8B90-051BA0F2D65F}" dt="2020-11-14T21:23:39.398" v="1015" actId="478"/>
          <ac:cxnSpMkLst>
            <pc:docMk/>
            <pc:sldMk cId="4144805983" sldId="301"/>
            <ac:cxnSpMk id="21" creationId="{CF4DCA70-1E31-0E40-A178-C184EBF30067}"/>
          </ac:cxnSpMkLst>
        </pc:cxnChg>
        <pc:cxnChg chg="add mod">
          <ac:chgData name="Ameena Butt" userId="3740027a-9852-48ba-8a90-1d771889ae13" providerId="ADAL" clId="{679B35EB-49B0-2E4C-8B90-051BA0F2D65F}" dt="2020-11-15T12:33:14.959" v="2526" actId="1036"/>
          <ac:cxnSpMkLst>
            <pc:docMk/>
            <pc:sldMk cId="4144805983" sldId="301"/>
            <ac:cxnSpMk id="29" creationId="{A9CCC835-F31F-D74C-81BE-E05ABFD815FE}"/>
          </ac:cxnSpMkLst>
        </pc:cxnChg>
        <pc:cxnChg chg="add mod">
          <ac:chgData name="Ameena Butt" userId="3740027a-9852-48ba-8a90-1d771889ae13" providerId="ADAL" clId="{679B35EB-49B0-2E4C-8B90-051BA0F2D65F}" dt="2020-11-15T12:33:25.263" v="2535" actId="14100"/>
          <ac:cxnSpMkLst>
            <pc:docMk/>
            <pc:sldMk cId="4144805983" sldId="301"/>
            <ac:cxnSpMk id="31" creationId="{B40E843A-3AB5-2B4E-AEC3-CFFBD75D8228}"/>
          </ac:cxnSpMkLst>
        </pc:cxnChg>
        <pc:cxnChg chg="add mod">
          <ac:chgData name="Ameena Butt" userId="3740027a-9852-48ba-8a90-1d771889ae13" providerId="ADAL" clId="{679B35EB-49B0-2E4C-8B90-051BA0F2D65F}" dt="2020-11-15T12:33:28.856" v="2536" actId="14100"/>
          <ac:cxnSpMkLst>
            <pc:docMk/>
            <pc:sldMk cId="4144805983" sldId="301"/>
            <ac:cxnSpMk id="34" creationId="{D4BE565C-6F7F-4B40-B163-48CD3C971A26}"/>
          </ac:cxnSpMkLst>
        </pc:cxnChg>
        <pc:cxnChg chg="add mod">
          <ac:chgData name="Ameena Butt" userId="3740027a-9852-48ba-8a90-1d771889ae13" providerId="ADAL" clId="{679B35EB-49B0-2E4C-8B90-051BA0F2D65F}" dt="2020-11-15T12:33:36.555" v="2538" actId="14100"/>
          <ac:cxnSpMkLst>
            <pc:docMk/>
            <pc:sldMk cId="4144805983" sldId="301"/>
            <ac:cxnSpMk id="36" creationId="{BB51C2AB-FDB8-6441-972E-8F2C8E2106A5}"/>
          </ac:cxnSpMkLst>
        </pc:cxnChg>
        <pc:cxnChg chg="add mod">
          <ac:chgData name="Ameena Butt" userId="3740027a-9852-48ba-8a90-1d771889ae13" providerId="ADAL" clId="{679B35EB-49B0-2E4C-8B90-051BA0F2D65F}" dt="2020-11-15T12:50:01.975" v="3130" actId="14100"/>
          <ac:cxnSpMkLst>
            <pc:docMk/>
            <pc:sldMk cId="4144805983" sldId="301"/>
            <ac:cxnSpMk id="38" creationId="{2E06D6CB-959F-DD4C-922D-0A0A5B1F5717}"/>
          </ac:cxnSpMkLst>
        </pc:cxnChg>
        <pc:cxnChg chg="add mod">
          <ac:chgData name="Ameena Butt" userId="3740027a-9852-48ba-8a90-1d771889ae13" providerId="ADAL" clId="{679B35EB-49B0-2E4C-8B90-051BA0F2D65F}" dt="2020-11-15T12:28:35.261" v="2221" actId="14100"/>
          <ac:cxnSpMkLst>
            <pc:docMk/>
            <pc:sldMk cId="4144805983" sldId="301"/>
            <ac:cxnSpMk id="45" creationId="{3A2E34A2-6411-2341-9C9B-29EE1045917F}"/>
          </ac:cxnSpMkLst>
        </pc:cxnChg>
        <pc:cxnChg chg="add del mod">
          <ac:chgData name="Ameena Butt" userId="3740027a-9852-48ba-8a90-1d771889ae13" providerId="ADAL" clId="{679B35EB-49B0-2E4C-8B90-051BA0F2D65F}" dt="2020-11-15T11:54:11.417" v="1281" actId="478"/>
          <ac:cxnSpMkLst>
            <pc:docMk/>
            <pc:sldMk cId="4144805983" sldId="301"/>
            <ac:cxnSpMk id="47" creationId="{8485C158-0205-7441-A968-DE581451DB75}"/>
          </ac:cxnSpMkLst>
        </pc:cxnChg>
        <pc:cxnChg chg="add mod">
          <ac:chgData name="Ameena Butt" userId="3740027a-9852-48ba-8a90-1d771889ae13" providerId="ADAL" clId="{679B35EB-49B0-2E4C-8B90-051BA0F2D65F}" dt="2020-11-15T11:54:28.208" v="1285" actId="1076"/>
          <ac:cxnSpMkLst>
            <pc:docMk/>
            <pc:sldMk cId="4144805983" sldId="301"/>
            <ac:cxnSpMk id="53" creationId="{3431E4E7-AD48-BE43-9767-8010484F6B3F}"/>
          </ac:cxnSpMkLst>
        </pc:cxnChg>
        <pc:cxnChg chg="add mod">
          <ac:chgData name="Ameena Butt" userId="3740027a-9852-48ba-8a90-1d771889ae13" providerId="ADAL" clId="{679B35EB-49B0-2E4C-8B90-051BA0F2D65F}" dt="2020-11-15T11:54:51.091" v="1292" actId="14100"/>
          <ac:cxnSpMkLst>
            <pc:docMk/>
            <pc:sldMk cId="4144805983" sldId="301"/>
            <ac:cxnSpMk id="54" creationId="{2D426D87-6A05-A548-A561-B3D744F04CF1}"/>
          </ac:cxnSpMkLst>
        </pc:cxnChg>
        <pc:cxnChg chg="add mod">
          <ac:chgData name="Ameena Butt" userId="3740027a-9852-48ba-8a90-1d771889ae13" providerId="ADAL" clId="{679B35EB-49B0-2E4C-8B90-051BA0F2D65F}" dt="2020-11-15T11:55:48.262" v="1336" actId="1037"/>
          <ac:cxnSpMkLst>
            <pc:docMk/>
            <pc:sldMk cId="4144805983" sldId="301"/>
            <ac:cxnSpMk id="56" creationId="{9B5838F5-D1E2-D045-B4C2-72EF404F1D4B}"/>
          </ac:cxnSpMkLst>
        </pc:cxnChg>
        <pc:cxnChg chg="add mod">
          <ac:chgData name="Ameena Butt" userId="3740027a-9852-48ba-8a90-1d771889ae13" providerId="ADAL" clId="{679B35EB-49B0-2E4C-8B90-051BA0F2D65F}" dt="2020-11-15T11:58:01.084" v="1415" actId="1037"/>
          <ac:cxnSpMkLst>
            <pc:docMk/>
            <pc:sldMk cId="4144805983" sldId="301"/>
            <ac:cxnSpMk id="58" creationId="{FBE74FA6-5E88-254D-80D3-1D4D876D2E97}"/>
          </ac:cxnSpMkLst>
        </pc:cxnChg>
        <pc:cxnChg chg="add del mod">
          <ac:chgData name="Ameena Butt" userId="3740027a-9852-48ba-8a90-1d771889ae13" providerId="ADAL" clId="{679B35EB-49B0-2E4C-8B90-051BA0F2D65F}" dt="2020-11-15T11:57:39.669" v="1383" actId="478"/>
          <ac:cxnSpMkLst>
            <pc:docMk/>
            <pc:sldMk cId="4144805983" sldId="301"/>
            <ac:cxnSpMk id="60" creationId="{00B71830-7D58-DD4C-8B6B-430A618A5C2E}"/>
          </ac:cxnSpMkLst>
        </pc:cxnChg>
        <pc:cxnChg chg="add mod">
          <ac:chgData name="Ameena Butt" userId="3740027a-9852-48ba-8a90-1d771889ae13" providerId="ADAL" clId="{679B35EB-49B0-2E4C-8B90-051BA0F2D65F}" dt="2020-11-15T12:25:39.508" v="2194" actId="1037"/>
          <ac:cxnSpMkLst>
            <pc:docMk/>
            <pc:sldMk cId="4144805983" sldId="301"/>
            <ac:cxnSpMk id="73" creationId="{3B721ED5-BC5C-DE4A-9152-E9028ABEF99E}"/>
          </ac:cxnSpMkLst>
        </pc:cxnChg>
        <pc:cxnChg chg="add mod">
          <ac:chgData name="Ameena Butt" userId="3740027a-9852-48ba-8a90-1d771889ae13" providerId="ADAL" clId="{679B35EB-49B0-2E4C-8B90-051BA0F2D65F}" dt="2020-11-15T12:25:48.694" v="2201" actId="1037"/>
          <ac:cxnSpMkLst>
            <pc:docMk/>
            <pc:sldMk cId="4144805983" sldId="301"/>
            <ac:cxnSpMk id="76" creationId="{6C378AFC-3C6C-6D4A-81BC-0A8D40C56045}"/>
          </ac:cxnSpMkLst>
        </pc:cxnChg>
        <pc:cxnChg chg="add mod">
          <ac:chgData name="Ameena Butt" userId="3740027a-9852-48ba-8a90-1d771889ae13" providerId="ADAL" clId="{679B35EB-49B0-2E4C-8B90-051BA0F2D65F}" dt="2020-11-15T12:28:22.773" v="2217" actId="1037"/>
          <ac:cxnSpMkLst>
            <pc:docMk/>
            <pc:sldMk cId="4144805983" sldId="301"/>
            <ac:cxnSpMk id="80" creationId="{9B1889F2-24A0-D64A-AE02-9D321964265E}"/>
          </ac:cxnSpMkLst>
        </pc:cxnChg>
        <pc:cxnChg chg="add mod">
          <ac:chgData name="Ameena Butt" userId="3740027a-9852-48ba-8a90-1d771889ae13" providerId="ADAL" clId="{679B35EB-49B0-2E4C-8B90-051BA0F2D65F}" dt="2020-11-15T12:30:24.359" v="2330" actId="14100"/>
          <ac:cxnSpMkLst>
            <pc:docMk/>
            <pc:sldMk cId="4144805983" sldId="301"/>
            <ac:cxnSpMk id="84" creationId="{56FFEDCC-9F70-8D46-874E-23F1F5820090}"/>
          </ac:cxnSpMkLst>
        </pc:cxnChg>
        <pc:cxnChg chg="add mod">
          <ac:chgData name="Ameena Butt" userId="3740027a-9852-48ba-8a90-1d771889ae13" providerId="ADAL" clId="{679B35EB-49B0-2E4C-8B90-051BA0F2D65F}" dt="2020-11-15T12:32:00.773" v="2415" actId="1037"/>
          <ac:cxnSpMkLst>
            <pc:docMk/>
            <pc:sldMk cId="4144805983" sldId="301"/>
            <ac:cxnSpMk id="88" creationId="{E01C0BAA-A069-F040-B78B-F69B7DAE3220}"/>
          </ac:cxnSpMkLst>
        </pc:cxnChg>
        <pc:cxnChg chg="add del mod">
          <ac:chgData name="Ameena Butt" userId="3740027a-9852-48ba-8a90-1d771889ae13" providerId="ADAL" clId="{679B35EB-49B0-2E4C-8B90-051BA0F2D65F}" dt="2020-11-15T12:34:50.452" v="2631" actId="478"/>
          <ac:cxnSpMkLst>
            <pc:docMk/>
            <pc:sldMk cId="4144805983" sldId="301"/>
            <ac:cxnSpMk id="91" creationId="{705A2A9C-26E9-CF4A-B2A1-BFDCB4961E9C}"/>
          </ac:cxnSpMkLst>
        </pc:cxnChg>
      </pc:sldChg>
      <pc:sldChg chg="del">
        <pc:chgData name="Ameena Butt" userId="3740027a-9852-48ba-8a90-1d771889ae13" providerId="ADAL" clId="{679B35EB-49B0-2E4C-8B90-051BA0F2D65F}" dt="2020-11-16T19:35:32.611" v="3207" actId="2696"/>
        <pc:sldMkLst>
          <pc:docMk/>
          <pc:sldMk cId="2678455207" sldId="302"/>
        </pc:sldMkLst>
      </pc:sldChg>
      <pc:sldChg chg="del">
        <pc:chgData name="Ameena Butt" userId="3740027a-9852-48ba-8a90-1d771889ae13" providerId="ADAL" clId="{679B35EB-49B0-2E4C-8B90-051BA0F2D65F}" dt="2020-11-16T19:35:32.611" v="3207" actId="2696"/>
        <pc:sldMkLst>
          <pc:docMk/>
          <pc:sldMk cId="1814185581" sldId="303"/>
        </pc:sldMkLst>
      </pc:sldChg>
      <pc:sldChg chg="addSp delSp modSp add del">
        <pc:chgData name="Ameena Butt" userId="3740027a-9852-48ba-8a90-1d771889ae13" providerId="ADAL" clId="{679B35EB-49B0-2E4C-8B90-051BA0F2D65F}" dt="2020-11-15T12:54:58.491" v="3161" actId="2696"/>
        <pc:sldMkLst>
          <pc:docMk/>
          <pc:sldMk cId="1541377069" sldId="304"/>
        </pc:sldMkLst>
        <pc:cxnChg chg="add del mod">
          <ac:chgData name="Ameena Butt" userId="3740027a-9852-48ba-8a90-1d771889ae13" providerId="ADAL" clId="{679B35EB-49B0-2E4C-8B90-051BA0F2D65F}" dt="2020-11-14T21:25:36.926" v="1124"/>
          <ac:cxnSpMkLst>
            <pc:docMk/>
            <pc:sldMk cId="1541377069" sldId="304"/>
            <ac:cxnSpMk id="28" creationId="{F0FADC15-7C95-304E-AAC2-9F2BB3AC9BD8}"/>
          </ac:cxnSpMkLst>
        </pc:cxnChg>
      </pc:sldChg>
      <pc:sldMasterChg chg="del delSldLayout">
        <pc:chgData name="Ameena Butt" userId="3740027a-9852-48ba-8a90-1d771889ae13" providerId="ADAL" clId="{679B35EB-49B0-2E4C-8B90-051BA0F2D65F}" dt="2020-11-11T08:06:08.851" v="17" actId="2696"/>
        <pc:sldMasterMkLst>
          <pc:docMk/>
          <pc:sldMasterMk cId="2460954070" sldId="2147483660"/>
        </pc:sldMasterMkLst>
        <pc:sldLayoutChg chg="del">
          <pc:chgData name="Ameena Butt" userId="3740027a-9852-48ba-8a90-1d771889ae13" providerId="ADAL" clId="{679B35EB-49B0-2E4C-8B90-051BA0F2D65F}" dt="2020-11-11T08:06:08.851" v="17" actId="2696"/>
          <pc:sldLayoutMkLst>
            <pc:docMk/>
            <pc:sldMasterMk cId="2460954070" sldId="2147483660"/>
            <pc:sldLayoutMk cId="2385387890" sldId="2147483661"/>
          </pc:sldLayoutMkLst>
        </pc:sldLayoutChg>
        <pc:sldLayoutChg chg="del">
          <pc:chgData name="Ameena Butt" userId="3740027a-9852-48ba-8a90-1d771889ae13" providerId="ADAL" clId="{679B35EB-49B0-2E4C-8B90-051BA0F2D65F}" dt="2020-11-11T08:06:08.851" v="17" actId="2696"/>
          <pc:sldLayoutMkLst>
            <pc:docMk/>
            <pc:sldMasterMk cId="2460954070" sldId="2147483660"/>
            <pc:sldLayoutMk cId="949138452" sldId="2147483662"/>
          </pc:sldLayoutMkLst>
        </pc:sldLayoutChg>
        <pc:sldLayoutChg chg="del">
          <pc:chgData name="Ameena Butt" userId="3740027a-9852-48ba-8a90-1d771889ae13" providerId="ADAL" clId="{679B35EB-49B0-2E4C-8B90-051BA0F2D65F}" dt="2020-11-11T08:06:08.851" v="17" actId="2696"/>
          <pc:sldLayoutMkLst>
            <pc:docMk/>
            <pc:sldMasterMk cId="2460954070" sldId="2147483660"/>
            <pc:sldLayoutMk cId="2591524520" sldId="2147483663"/>
          </pc:sldLayoutMkLst>
        </pc:sldLayoutChg>
        <pc:sldLayoutChg chg="del">
          <pc:chgData name="Ameena Butt" userId="3740027a-9852-48ba-8a90-1d771889ae13" providerId="ADAL" clId="{679B35EB-49B0-2E4C-8B90-051BA0F2D65F}" dt="2020-11-11T08:06:08.851" v="17" actId="2696"/>
          <pc:sldLayoutMkLst>
            <pc:docMk/>
            <pc:sldMasterMk cId="2460954070" sldId="2147483660"/>
            <pc:sldLayoutMk cId="1203092039" sldId="2147483664"/>
          </pc:sldLayoutMkLst>
        </pc:sldLayoutChg>
        <pc:sldLayoutChg chg="del">
          <pc:chgData name="Ameena Butt" userId="3740027a-9852-48ba-8a90-1d771889ae13" providerId="ADAL" clId="{679B35EB-49B0-2E4C-8B90-051BA0F2D65F}" dt="2020-11-11T08:06:08.851" v="17" actId="2696"/>
          <pc:sldLayoutMkLst>
            <pc:docMk/>
            <pc:sldMasterMk cId="2460954070" sldId="2147483660"/>
            <pc:sldLayoutMk cId="3733172339" sldId="2147483665"/>
          </pc:sldLayoutMkLst>
        </pc:sldLayoutChg>
        <pc:sldLayoutChg chg="del">
          <pc:chgData name="Ameena Butt" userId="3740027a-9852-48ba-8a90-1d771889ae13" providerId="ADAL" clId="{679B35EB-49B0-2E4C-8B90-051BA0F2D65F}" dt="2020-11-11T08:06:08.851" v="17" actId="2696"/>
          <pc:sldLayoutMkLst>
            <pc:docMk/>
            <pc:sldMasterMk cId="2460954070" sldId="2147483660"/>
            <pc:sldLayoutMk cId="3210312558" sldId="2147483666"/>
          </pc:sldLayoutMkLst>
        </pc:sldLayoutChg>
        <pc:sldLayoutChg chg="del">
          <pc:chgData name="Ameena Butt" userId="3740027a-9852-48ba-8a90-1d771889ae13" providerId="ADAL" clId="{679B35EB-49B0-2E4C-8B90-051BA0F2D65F}" dt="2020-11-11T08:06:08.851" v="17" actId="2696"/>
          <pc:sldLayoutMkLst>
            <pc:docMk/>
            <pc:sldMasterMk cId="2460954070" sldId="2147483660"/>
            <pc:sldLayoutMk cId="3146388984" sldId="2147483667"/>
          </pc:sldLayoutMkLst>
        </pc:sldLayoutChg>
        <pc:sldLayoutChg chg="del">
          <pc:chgData name="Ameena Butt" userId="3740027a-9852-48ba-8a90-1d771889ae13" providerId="ADAL" clId="{679B35EB-49B0-2E4C-8B90-051BA0F2D65F}" dt="2020-11-11T08:06:08.851" v="17" actId="2696"/>
          <pc:sldLayoutMkLst>
            <pc:docMk/>
            <pc:sldMasterMk cId="2460954070" sldId="2147483660"/>
            <pc:sldLayoutMk cId="3171841454" sldId="2147483668"/>
          </pc:sldLayoutMkLst>
        </pc:sldLayoutChg>
        <pc:sldLayoutChg chg="del">
          <pc:chgData name="Ameena Butt" userId="3740027a-9852-48ba-8a90-1d771889ae13" providerId="ADAL" clId="{679B35EB-49B0-2E4C-8B90-051BA0F2D65F}" dt="2020-11-11T08:06:08.851" v="17" actId="2696"/>
          <pc:sldLayoutMkLst>
            <pc:docMk/>
            <pc:sldMasterMk cId="2460954070" sldId="2147483660"/>
            <pc:sldLayoutMk cId="1718958274" sldId="2147483669"/>
          </pc:sldLayoutMkLst>
        </pc:sldLayoutChg>
        <pc:sldLayoutChg chg="del">
          <pc:chgData name="Ameena Butt" userId="3740027a-9852-48ba-8a90-1d771889ae13" providerId="ADAL" clId="{679B35EB-49B0-2E4C-8B90-051BA0F2D65F}" dt="2020-11-11T08:06:08.851" v="17" actId="2696"/>
          <pc:sldLayoutMkLst>
            <pc:docMk/>
            <pc:sldMasterMk cId="2460954070" sldId="2147483660"/>
            <pc:sldLayoutMk cId="2202905451" sldId="2147483670"/>
          </pc:sldLayoutMkLst>
        </pc:sldLayoutChg>
        <pc:sldLayoutChg chg="del">
          <pc:chgData name="Ameena Butt" userId="3740027a-9852-48ba-8a90-1d771889ae13" providerId="ADAL" clId="{679B35EB-49B0-2E4C-8B90-051BA0F2D65F}" dt="2020-11-11T08:06:08.851" v="17" actId="2696"/>
          <pc:sldLayoutMkLst>
            <pc:docMk/>
            <pc:sldMasterMk cId="2460954070" sldId="2147483660"/>
            <pc:sldLayoutMk cId="3479445657" sldId="2147483671"/>
          </pc:sldLayoutMkLst>
        </pc:sldLayoutChg>
      </pc:sldMasterChg>
    </pc:docChg>
  </pc:docChgLst>
  <pc:docChgLst>
    <pc:chgData name="Joern Andreas Appelt" userId="S::s202854@win.dtu.dk::98b46129-6d0a-4894-933b-fbbcf2e18e6b" providerId="AD" clId="Web-{07FA1312-8B7A-4BAB-985E-B90901840B69}"/>
    <pc:docChg chg="addSld delSld modSld">
      <pc:chgData name="Joern Andreas Appelt" userId="S::s202854@win.dtu.dk::98b46129-6d0a-4894-933b-fbbcf2e18e6b" providerId="AD" clId="Web-{07FA1312-8B7A-4BAB-985E-B90901840B69}" dt="2020-11-20T13:38:08.942" v="77" actId="20577"/>
      <pc:docMkLst>
        <pc:docMk/>
      </pc:docMkLst>
      <pc:sldChg chg="modSp">
        <pc:chgData name="Joern Andreas Appelt" userId="S::s202854@win.dtu.dk::98b46129-6d0a-4894-933b-fbbcf2e18e6b" providerId="AD" clId="Web-{07FA1312-8B7A-4BAB-985E-B90901840B69}" dt="2020-11-20T13:38:08.942" v="77" actId="20577"/>
        <pc:sldMkLst>
          <pc:docMk/>
          <pc:sldMk cId="4144805983" sldId="301"/>
        </pc:sldMkLst>
        <pc:spChg chg="mod">
          <ac:chgData name="Joern Andreas Appelt" userId="S::s202854@win.dtu.dk::98b46129-6d0a-4894-933b-fbbcf2e18e6b" providerId="AD" clId="Web-{07FA1312-8B7A-4BAB-985E-B90901840B69}" dt="2020-11-20T13:38:08.942" v="77" actId="20577"/>
          <ac:spMkLst>
            <pc:docMk/>
            <pc:sldMk cId="4144805983" sldId="301"/>
            <ac:spMk id="39" creationId="{000D1375-0A62-494D-8DB9-81ED80045ACC}"/>
          </ac:spMkLst>
        </pc:spChg>
      </pc:sldChg>
      <pc:sldChg chg="delSp modSp add replId">
        <pc:chgData name="Joern Andreas Appelt" userId="S::s202854@win.dtu.dk::98b46129-6d0a-4894-933b-fbbcf2e18e6b" providerId="AD" clId="Web-{07FA1312-8B7A-4BAB-985E-B90901840B69}" dt="2020-11-20T13:37:12.347" v="39" actId="20577"/>
        <pc:sldMkLst>
          <pc:docMk/>
          <pc:sldMk cId="2061120155" sldId="303"/>
        </pc:sldMkLst>
        <pc:spChg chg="mod">
          <ac:chgData name="Joern Andreas Appelt" userId="S::s202854@win.dtu.dk::98b46129-6d0a-4894-933b-fbbcf2e18e6b" providerId="AD" clId="Web-{07FA1312-8B7A-4BAB-985E-B90901840B69}" dt="2020-11-20T13:37:12.347" v="39" actId="20577"/>
          <ac:spMkLst>
            <pc:docMk/>
            <pc:sldMk cId="2061120155" sldId="303"/>
            <ac:spMk id="3" creationId="{86F37277-9C42-4BD1-927E-7F1962FB1120}"/>
          </ac:spMkLst>
        </pc:spChg>
        <pc:spChg chg="del">
          <ac:chgData name="Joern Andreas Appelt" userId="S::s202854@win.dtu.dk::98b46129-6d0a-4894-933b-fbbcf2e18e6b" providerId="AD" clId="Web-{07FA1312-8B7A-4BAB-985E-B90901840B69}" dt="2020-11-20T13:36:58.581" v="17"/>
          <ac:spMkLst>
            <pc:docMk/>
            <pc:sldMk cId="2061120155" sldId="303"/>
            <ac:spMk id="6" creationId="{2D81EBA2-E79D-4E73-80D8-CA877DCF40C7}"/>
          </ac:spMkLst>
        </pc:spChg>
      </pc:sldChg>
      <pc:sldChg chg="new del">
        <pc:chgData name="Joern Andreas Appelt" userId="S::s202854@win.dtu.dk::98b46129-6d0a-4894-933b-fbbcf2e18e6b" providerId="AD" clId="Web-{07FA1312-8B7A-4BAB-985E-B90901840B69}" dt="2020-11-20T13:36:06.517" v="2"/>
        <pc:sldMkLst>
          <pc:docMk/>
          <pc:sldMk cId="3410460391" sldId="303"/>
        </pc:sldMkLst>
      </pc:sldChg>
      <pc:sldChg chg="delSp modSp add replId">
        <pc:chgData name="Joern Andreas Appelt" userId="S::s202854@win.dtu.dk::98b46129-6d0a-4894-933b-fbbcf2e18e6b" providerId="AD" clId="Web-{07FA1312-8B7A-4BAB-985E-B90901840B69}" dt="2020-11-20T13:37:19.987" v="53" actId="20577"/>
        <pc:sldMkLst>
          <pc:docMk/>
          <pc:sldMk cId="3041848815" sldId="304"/>
        </pc:sldMkLst>
        <pc:spChg chg="mod">
          <ac:chgData name="Joern Andreas Appelt" userId="S::s202854@win.dtu.dk::98b46129-6d0a-4894-933b-fbbcf2e18e6b" providerId="AD" clId="Web-{07FA1312-8B7A-4BAB-985E-B90901840B69}" dt="2020-11-20T13:37:19.987" v="53" actId="20577"/>
          <ac:spMkLst>
            <pc:docMk/>
            <pc:sldMk cId="3041848815" sldId="304"/>
            <ac:spMk id="3" creationId="{86F37277-9C42-4BD1-927E-7F1962FB1120}"/>
          </ac:spMkLst>
        </pc:spChg>
        <pc:spChg chg="del">
          <ac:chgData name="Joern Andreas Appelt" userId="S::s202854@win.dtu.dk::98b46129-6d0a-4894-933b-fbbcf2e18e6b" providerId="AD" clId="Web-{07FA1312-8B7A-4BAB-985E-B90901840B69}" dt="2020-11-20T13:36:55.268" v="16"/>
          <ac:spMkLst>
            <pc:docMk/>
            <pc:sldMk cId="3041848815" sldId="304"/>
            <ac:spMk id="6" creationId="{2D81EBA2-E79D-4E73-80D8-CA877DCF40C7}"/>
          </ac:spMkLst>
        </pc:spChg>
      </pc:sldChg>
      <pc:sldChg chg="new del">
        <pc:chgData name="Joern Andreas Appelt" userId="S::s202854@win.dtu.dk::98b46129-6d0a-4894-933b-fbbcf2e18e6b" providerId="AD" clId="Web-{07FA1312-8B7A-4BAB-985E-B90901840B69}" dt="2020-11-20T13:36:09.751" v="3"/>
        <pc:sldMkLst>
          <pc:docMk/>
          <pc:sldMk cId="4083953236" sldId="304"/>
        </pc:sldMkLst>
      </pc:sldChg>
      <pc:sldChg chg="modSp add replId">
        <pc:chgData name="Joern Andreas Appelt" userId="S::s202854@win.dtu.dk::98b46129-6d0a-4894-933b-fbbcf2e18e6b" providerId="AD" clId="Web-{07FA1312-8B7A-4BAB-985E-B90901840B69}" dt="2020-11-20T13:37:38.175" v="72" actId="20577"/>
        <pc:sldMkLst>
          <pc:docMk/>
          <pc:sldMk cId="1073331143" sldId="305"/>
        </pc:sldMkLst>
        <pc:spChg chg="mod">
          <ac:chgData name="Joern Andreas Appelt" userId="S::s202854@win.dtu.dk::98b46129-6d0a-4894-933b-fbbcf2e18e6b" providerId="AD" clId="Web-{07FA1312-8B7A-4BAB-985E-B90901840B69}" dt="2020-11-20T13:37:38.175" v="72" actId="20577"/>
          <ac:spMkLst>
            <pc:docMk/>
            <pc:sldMk cId="1073331143" sldId="305"/>
            <ac:spMk id="3" creationId="{86F37277-9C42-4BD1-927E-7F1962FB1120}"/>
          </ac:spMkLst>
        </pc:spChg>
      </pc:sldChg>
      <pc:sldChg chg="modSp add replId">
        <pc:chgData name="Joern Andreas Appelt" userId="S::s202854@win.dtu.dk::98b46129-6d0a-4894-933b-fbbcf2e18e6b" providerId="AD" clId="Web-{07FA1312-8B7A-4BAB-985E-B90901840B69}" dt="2020-11-20T13:37:44.879" v="74" actId="20577"/>
        <pc:sldMkLst>
          <pc:docMk/>
          <pc:sldMk cId="4245634019" sldId="306"/>
        </pc:sldMkLst>
        <pc:spChg chg="mod">
          <ac:chgData name="Joern Andreas Appelt" userId="S::s202854@win.dtu.dk::98b46129-6d0a-4894-933b-fbbcf2e18e6b" providerId="AD" clId="Web-{07FA1312-8B7A-4BAB-985E-B90901840B69}" dt="2020-11-20T13:37:44.879" v="74" actId="20577"/>
          <ac:spMkLst>
            <pc:docMk/>
            <pc:sldMk cId="4245634019" sldId="306"/>
            <ac:spMk id="3" creationId="{86F37277-9C42-4BD1-927E-7F1962FB1120}"/>
          </ac:spMkLst>
        </pc:spChg>
      </pc:sldChg>
    </pc:docChg>
  </pc:docChgLst>
  <pc:docChgLst>
    <pc:chgData name="Prasad Jagtap" userId="S::s200109@win.dtu.dk::11453833-8954-4db7-bf9d-87af5de79883" providerId="AD" clId="Web-{1B566C39-F398-4776-AE45-A57354730368}"/>
    <pc:docChg chg="addSld modSld">
      <pc:chgData name="Prasad Jagtap" userId="S::s200109@win.dtu.dk::11453833-8954-4db7-bf9d-87af5de79883" providerId="AD" clId="Web-{1B566C39-F398-4776-AE45-A57354730368}" dt="2020-11-13T11:24:11.138" v="43" actId="14100"/>
      <pc:docMkLst>
        <pc:docMk/>
      </pc:docMkLst>
      <pc:sldChg chg="addSp delSp modSp new mod modClrScheme chgLayout">
        <pc:chgData name="Prasad Jagtap" userId="S::s200109@win.dtu.dk::11453833-8954-4db7-bf9d-87af5de79883" providerId="AD" clId="Web-{1B566C39-F398-4776-AE45-A57354730368}" dt="2020-11-13T11:24:11.138" v="43" actId="14100"/>
        <pc:sldMkLst>
          <pc:docMk/>
          <pc:sldMk cId="1814185581" sldId="303"/>
        </pc:sldMkLst>
        <pc:spChg chg="mod ord modVis">
          <ac:chgData name="Prasad Jagtap" userId="S::s200109@win.dtu.dk::11453833-8954-4db7-bf9d-87af5de79883" providerId="AD" clId="Web-{1B566C39-F398-4776-AE45-A57354730368}" dt="2020-11-13T11:23:32.965" v="34"/>
          <ac:spMkLst>
            <pc:docMk/>
            <pc:sldMk cId="1814185581" sldId="303"/>
            <ac:spMk id="2" creationId="{904E0577-A5D0-4185-94E9-C42626F53B41}"/>
          </ac:spMkLst>
        </pc:spChg>
        <pc:spChg chg="del">
          <ac:chgData name="Prasad Jagtap" userId="S::s200109@win.dtu.dk::11453833-8954-4db7-bf9d-87af5de79883" providerId="AD" clId="Web-{1B566C39-F398-4776-AE45-A57354730368}" dt="2020-11-13T11:19:44.337" v="2"/>
          <ac:spMkLst>
            <pc:docMk/>
            <pc:sldMk cId="1814185581" sldId="303"/>
            <ac:spMk id="3" creationId="{F0719C7D-0E39-441B-8613-4DB0C562E087}"/>
          </ac:spMkLst>
        </pc:spChg>
        <pc:spChg chg="add mod ord">
          <ac:chgData name="Prasad Jagtap" userId="S::s200109@win.dtu.dk::11453833-8954-4db7-bf9d-87af5de79883" providerId="AD" clId="Web-{1B566C39-F398-4776-AE45-A57354730368}" dt="2020-11-13T11:24:11.138" v="43" actId="14100"/>
          <ac:spMkLst>
            <pc:docMk/>
            <pc:sldMk cId="1814185581" sldId="303"/>
            <ac:spMk id="5" creationId="{AD0849F2-E5AA-4D6B-B22A-31C95EC74B51}"/>
          </ac:spMkLst>
        </pc:spChg>
        <pc:spChg chg="add del mod">
          <ac:chgData name="Prasad Jagtap" userId="S::s200109@win.dtu.dk::11453833-8954-4db7-bf9d-87af5de79883" providerId="AD" clId="Web-{1B566C39-F398-4776-AE45-A57354730368}" dt="2020-11-13T11:23:12.481" v="29"/>
          <ac:spMkLst>
            <pc:docMk/>
            <pc:sldMk cId="1814185581" sldId="303"/>
            <ac:spMk id="8" creationId="{9368ABC3-BBCD-4E3E-AA48-2C39615388E5}"/>
          </ac:spMkLst>
        </pc:spChg>
        <pc:spChg chg="add del mod">
          <ac:chgData name="Prasad Jagtap" userId="S::s200109@win.dtu.dk::11453833-8954-4db7-bf9d-87af5de79883" providerId="AD" clId="Web-{1B566C39-F398-4776-AE45-A57354730368}" dt="2020-11-13T11:23:22.356" v="31"/>
          <ac:spMkLst>
            <pc:docMk/>
            <pc:sldMk cId="1814185581" sldId="303"/>
            <ac:spMk id="9" creationId="{93337EC4-0FD5-48F4-B3E4-9B4B612DFC74}"/>
          </ac:spMkLst>
        </pc:spChg>
        <pc:spChg chg="add del mod">
          <ac:chgData name="Prasad Jagtap" userId="S::s200109@win.dtu.dk::11453833-8954-4db7-bf9d-87af5de79883" providerId="AD" clId="Web-{1B566C39-F398-4776-AE45-A57354730368}" dt="2020-11-13T11:23:22.356" v="31"/>
          <ac:spMkLst>
            <pc:docMk/>
            <pc:sldMk cId="1814185581" sldId="303"/>
            <ac:spMk id="10" creationId="{A1158B6B-8711-4B3C-A105-4716602F698C}"/>
          </ac:spMkLst>
        </pc:spChg>
        <pc:spChg chg="add del mod">
          <ac:chgData name="Prasad Jagtap" userId="S::s200109@win.dtu.dk::11453833-8954-4db7-bf9d-87af5de79883" providerId="AD" clId="Web-{1B566C39-F398-4776-AE45-A57354730368}" dt="2020-11-13T11:23:10.356" v="27"/>
          <ac:spMkLst>
            <pc:docMk/>
            <pc:sldMk cId="1814185581" sldId="303"/>
            <ac:spMk id="11" creationId="{0E73FBBA-32EA-4AB2-954B-270B44B29D18}"/>
          </ac:spMkLst>
        </pc:spChg>
        <pc:spChg chg="add del mod">
          <ac:chgData name="Prasad Jagtap" userId="S::s200109@win.dtu.dk::11453833-8954-4db7-bf9d-87af5de79883" providerId="AD" clId="Web-{1B566C39-F398-4776-AE45-A57354730368}" dt="2020-11-13T11:23:32.950" v="33"/>
          <ac:spMkLst>
            <pc:docMk/>
            <pc:sldMk cId="1814185581" sldId="303"/>
            <ac:spMk id="12" creationId="{38459FC5-EFB1-40B7-BD79-02C9AA3AD4DE}"/>
          </ac:spMkLst>
        </pc:spChg>
        <pc:spChg chg="add del mod">
          <ac:chgData name="Prasad Jagtap" userId="S::s200109@win.dtu.dk::11453833-8954-4db7-bf9d-87af5de79883" providerId="AD" clId="Web-{1B566C39-F398-4776-AE45-A57354730368}" dt="2020-11-13T11:23:10.356" v="27"/>
          <ac:spMkLst>
            <pc:docMk/>
            <pc:sldMk cId="1814185581" sldId="303"/>
            <ac:spMk id="13" creationId="{0C496A3C-3C3F-41F3-9D36-10D57737B2D8}"/>
          </ac:spMkLst>
        </pc:spChg>
        <pc:spChg chg="add mod">
          <ac:chgData name="Prasad Jagtap" userId="S::s200109@win.dtu.dk::11453833-8954-4db7-bf9d-87af5de79883" providerId="AD" clId="Web-{1B566C39-F398-4776-AE45-A57354730368}" dt="2020-11-13T11:23:32.965" v="34"/>
          <ac:spMkLst>
            <pc:docMk/>
            <pc:sldMk cId="1814185581" sldId="303"/>
            <ac:spMk id="14" creationId="{9368ABC3-BBCD-4E3E-AA48-2C39615388E5}"/>
          </ac:spMkLst>
        </pc:spChg>
        <pc:picChg chg="add mod">
          <ac:chgData name="Prasad Jagtap" userId="S::s200109@win.dtu.dk::11453833-8954-4db7-bf9d-87af5de79883" providerId="AD" clId="Web-{1B566C39-F398-4776-AE45-A57354730368}" dt="2020-11-13T11:23:56.810" v="40" actId="1076"/>
          <ac:picMkLst>
            <pc:docMk/>
            <pc:sldMk cId="1814185581" sldId="303"/>
            <ac:picMk id="6" creationId="{907D6D1E-CB68-4D74-BEE2-E473EBEBCC5D}"/>
          </ac:picMkLst>
        </pc:picChg>
      </pc:sldChg>
    </pc:docChg>
  </pc:docChgLst>
</pc:chgInfo>
</file>

<file path=ppt/comments/comment1.xml><?xml version="1.0" encoding="utf-8"?>
<p:cmLst xmlns:a="http://schemas.openxmlformats.org/drawingml/2006/main" xmlns:r="http://schemas.openxmlformats.org/officeDocument/2006/relationships" xmlns:p="http://schemas.openxmlformats.org/presentationml/2006/main">
  <p:cm authorId="1" dt="2020-11-27T08:12:17.108" idx="1">
    <p:pos x="4738" y="2728"/>
    <p:text>should we include the learnings/outcomes ?</p:text>
    <p:extLst>
      <p:ext uri="{C676402C-5697-4E1C-873F-D02D1690AC5C}">
        <p15:threadingInfo xmlns:p15="http://schemas.microsoft.com/office/powerpoint/2012/main" timeZoneBias="-60"/>
      </p:ext>
    </p:extLst>
  </p:cm>
</p:cmLst>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DK"/>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CE23E19D-3E67-F840-8E62-D234C663C2BF}" type="datetimeFigureOut">
              <a:rPr lang="en-DK" smtClean="0"/>
              <a:t>12/07/2020</a:t>
            </a:fld>
            <a:endParaRPr lang="en-DK"/>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DK"/>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DK"/>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DK"/>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5C0EBCD7-D9A5-484B-A549-64EF5CFF983F}" type="slidenum">
              <a:rPr lang="en-DK" smtClean="0"/>
              <a:t>‹#›</a:t>
            </a:fld>
            <a:endParaRPr lang="en-DK"/>
          </a:p>
        </p:txBody>
      </p:sp>
    </p:spTree>
    <p:extLst>
      <p:ext uri="{BB962C8B-B14F-4D97-AF65-F5344CB8AC3E}">
        <p14:creationId xmlns:p14="http://schemas.microsoft.com/office/powerpoint/2010/main" val="217689564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a:p>
        </p:txBody>
      </p:sp>
      <p:sp>
        <p:nvSpPr>
          <p:cNvPr id="4" name="Slide Number Placeholder 3"/>
          <p:cNvSpPr>
            <a:spLocks noGrp="1"/>
          </p:cNvSpPr>
          <p:nvPr>
            <p:ph type="sldNum" sz="quarter" idx="5"/>
          </p:nvPr>
        </p:nvSpPr>
        <p:spPr/>
        <p:txBody>
          <a:bodyPr/>
          <a:lstStyle/>
          <a:p>
            <a:fld id="{5C0EBCD7-D9A5-484B-A549-64EF5CFF983F}" type="slidenum">
              <a:rPr lang="en-DK" smtClean="0"/>
              <a:t>1</a:t>
            </a:fld>
            <a:endParaRPr lang="en-DK"/>
          </a:p>
        </p:txBody>
      </p:sp>
    </p:spTree>
    <p:extLst>
      <p:ext uri="{BB962C8B-B14F-4D97-AF65-F5344CB8AC3E}">
        <p14:creationId xmlns:p14="http://schemas.microsoft.com/office/powerpoint/2010/main" val="371787112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a:t>Create customer proposals across disciplines, such as technical, commercial and finance.</a:t>
            </a:r>
          </a:p>
          <a:p>
            <a:r>
              <a:rPr lang="en-GB"/>
              <a:t>They are coloured in relation to how frequent they were mentioned.</a:t>
            </a:r>
            <a:endParaRPr lang="en-DK"/>
          </a:p>
        </p:txBody>
      </p:sp>
      <p:sp>
        <p:nvSpPr>
          <p:cNvPr id="4" name="Slide Number Placeholder 3"/>
          <p:cNvSpPr>
            <a:spLocks noGrp="1"/>
          </p:cNvSpPr>
          <p:nvPr>
            <p:ph type="sldNum" sz="quarter" idx="5"/>
          </p:nvPr>
        </p:nvSpPr>
        <p:spPr/>
        <p:txBody>
          <a:bodyPr/>
          <a:lstStyle/>
          <a:p>
            <a:fld id="{5C0EBCD7-D9A5-484B-A549-64EF5CFF983F}" type="slidenum">
              <a:rPr lang="en-DK" smtClean="0"/>
              <a:t>8</a:t>
            </a:fld>
            <a:endParaRPr lang="en-DK"/>
          </a:p>
        </p:txBody>
      </p:sp>
    </p:spTree>
    <p:extLst>
      <p:ext uri="{BB962C8B-B14F-4D97-AF65-F5344CB8AC3E}">
        <p14:creationId xmlns:p14="http://schemas.microsoft.com/office/powerpoint/2010/main" val="340821242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a:t>We asked the interviewees if they knew the tool and they all knew it. This was also a plus because they were already familiar with it.</a:t>
            </a:r>
            <a:endParaRPr lang="en-DK"/>
          </a:p>
        </p:txBody>
      </p:sp>
      <p:sp>
        <p:nvSpPr>
          <p:cNvPr id="4" name="Slide Number Placeholder 3"/>
          <p:cNvSpPr>
            <a:spLocks noGrp="1"/>
          </p:cNvSpPr>
          <p:nvPr>
            <p:ph type="sldNum" sz="quarter" idx="5"/>
          </p:nvPr>
        </p:nvSpPr>
        <p:spPr/>
        <p:txBody>
          <a:bodyPr/>
          <a:lstStyle/>
          <a:p>
            <a:fld id="{5C0EBCD7-D9A5-484B-A549-64EF5CFF983F}" type="slidenum">
              <a:rPr lang="en-DK" smtClean="0"/>
              <a:t>10</a:t>
            </a:fld>
            <a:endParaRPr lang="en-DK"/>
          </a:p>
        </p:txBody>
      </p:sp>
    </p:spTree>
    <p:extLst>
      <p:ext uri="{BB962C8B-B14F-4D97-AF65-F5344CB8AC3E}">
        <p14:creationId xmlns:p14="http://schemas.microsoft.com/office/powerpoint/2010/main" val="157943786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200" b="1"/>
              <a:t>Extensively discuss the actual application of (or potential opportunity to apply) the tool(s) to the case company and to what extent change can be expected. </a:t>
            </a:r>
          </a:p>
          <a:p>
            <a:r>
              <a:rPr lang="en-GB" sz="1200" b="1"/>
              <a:t>- how the relevant tools you learned from the course can benefit the company and what have you learned from investigating the company. </a:t>
            </a:r>
          </a:p>
          <a:p>
            <a:pPr marL="0" marR="0" lvl="0" indent="0" algn="l" defTabSz="914400" rtl="0" eaLnBrk="1" fontAlgn="auto" latinLnBrk="0" hangingPunct="1">
              <a:lnSpc>
                <a:spcPct val="100000"/>
              </a:lnSpc>
              <a:spcBef>
                <a:spcPct val="0"/>
              </a:spcBef>
              <a:spcAft>
                <a:spcPts val="0"/>
              </a:spcAft>
              <a:buClrTx/>
              <a:buSzTx/>
              <a:buFontTx/>
              <a:buNone/>
              <a:tabLst/>
              <a:defRPr/>
            </a:pPr>
            <a:endParaRPr lang="en-US" sz="1200" b="1">
              <a:solidFill>
                <a:srgbClr val="00243D"/>
              </a:solidFill>
              <a:latin typeface="Maersk Text Office"/>
            </a:endParaRPr>
          </a:p>
          <a:p>
            <a:endParaRPr lang="en-DK"/>
          </a:p>
        </p:txBody>
      </p:sp>
      <p:sp>
        <p:nvSpPr>
          <p:cNvPr id="4" name="Slide Number Placeholder 3"/>
          <p:cNvSpPr>
            <a:spLocks noGrp="1"/>
          </p:cNvSpPr>
          <p:nvPr>
            <p:ph type="sldNum" sz="quarter" idx="5"/>
          </p:nvPr>
        </p:nvSpPr>
        <p:spPr/>
        <p:txBody>
          <a:bodyPr/>
          <a:lstStyle/>
          <a:p>
            <a:fld id="{5C0EBCD7-D9A5-484B-A549-64EF5CFF983F}" type="slidenum">
              <a:rPr lang="en-DK" smtClean="0"/>
              <a:t>11</a:t>
            </a:fld>
            <a:endParaRPr lang="en-DK"/>
          </a:p>
        </p:txBody>
      </p:sp>
    </p:spTree>
    <p:extLst>
      <p:ext uri="{BB962C8B-B14F-4D97-AF65-F5344CB8AC3E}">
        <p14:creationId xmlns:p14="http://schemas.microsoft.com/office/powerpoint/2010/main" val="82205583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200" b="1"/>
              <a:t>its concept and application in general</a:t>
            </a:r>
            <a:endParaRPr kumimoji="0" lang="en-US" sz="1200" b="1" i="0" u="none" strike="noStrike" kern="1200" cap="none" spc="0" normalizeH="0" baseline="0" noProof="0">
              <a:ln>
                <a:noFill/>
              </a:ln>
              <a:solidFill>
                <a:srgbClr val="00243D"/>
              </a:solidFill>
              <a:effectLst/>
              <a:uLnTx/>
              <a:uFillTx/>
              <a:latin typeface="Maersk Text Office"/>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GB" sz="1200" b="1"/>
              <a:t>Explain how the innovation tool(s) is/are relevant to this company.</a:t>
            </a:r>
          </a:p>
          <a:p>
            <a:endParaRPr lang="en-DK"/>
          </a:p>
        </p:txBody>
      </p:sp>
      <p:sp>
        <p:nvSpPr>
          <p:cNvPr id="4" name="Slide Number Placeholder 3"/>
          <p:cNvSpPr>
            <a:spLocks noGrp="1"/>
          </p:cNvSpPr>
          <p:nvPr>
            <p:ph type="sldNum" sz="quarter" idx="5"/>
          </p:nvPr>
        </p:nvSpPr>
        <p:spPr/>
        <p:txBody>
          <a:bodyPr/>
          <a:lstStyle/>
          <a:p>
            <a:fld id="{5C0EBCD7-D9A5-484B-A549-64EF5CFF983F}" type="slidenum">
              <a:rPr lang="en-DK" smtClean="0"/>
              <a:t>12</a:t>
            </a:fld>
            <a:endParaRPr lang="en-DK"/>
          </a:p>
        </p:txBody>
      </p:sp>
    </p:spTree>
    <p:extLst>
      <p:ext uri="{BB962C8B-B14F-4D97-AF65-F5344CB8AC3E}">
        <p14:creationId xmlns:p14="http://schemas.microsoft.com/office/powerpoint/2010/main" val="348923451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200" b="1"/>
              <a:t>its concept and application in general</a:t>
            </a:r>
            <a:endParaRPr kumimoji="0" lang="en-US" sz="1200" b="1" i="0" u="none" strike="noStrike" kern="1200" cap="none" spc="0" normalizeH="0" baseline="0" noProof="0">
              <a:ln>
                <a:noFill/>
              </a:ln>
              <a:solidFill>
                <a:srgbClr val="00243D"/>
              </a:solidFill>
              <a:effectLst/>
              <a:uLnTx/>
              <a:uFillTx/>
              <a:latin typeface="Maersk Text Office"/>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GB" sz="1200" b="1"/>
              <a:t>Explain how the innovation tool(s) is/are relevant to this company.</a:t>
            </a:r>
          </a:p>
          <a:p>
            <a:endParaRPr lang="en-DK"/>
          </a:p>
        </p:txBody>
      </p:sp>
      <p:sp>
        <p:nvSpPr>
          <p:cNvPr id="4" name="Slide Number Placeholder 3"/>
          <p:cNvSpPr>
            <a:spLocks noGrp="1"/>
          </p:cNvSpPr>
          <p:nvPr>
            <p:ph type="sldNum" sz="quarter" idx="5"/>
          </p:nvPr>
        </p:nvSpPr>
        <p:spPr/>
        <p:txBody>
          <a:bodyPr/>
          <a:lstStyle/>
          <a:p>
            <a:fld id="{5C0EBCD7-D9A5-484B-A549-64EF5CFF983F}" type="slidenum">
              <a:rPr lang="en-DK" smtClean="0"/>
              <a:t>13</a:t>
            </a:fld>
            <a:endParaRPr lang="en-DK"/>
          </a:p>
        </p:txBody>
      </p:sp>
    </p:spTree>
    <p:extLst>
      <p:ext uri="{BB962C8B-B14F-4D97-AF65-F5344CB8AC3E}">
        <p14:creationId xmlns:p14="http://schemas.microsoft.com/office/powerpoint/2010/main" val="343260598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200" b="1"/>
              <a:t>its concept and application in general</a:t>
            </a:r>
            <a:endParaRPr kumimoji="0" lang="en-US" sz="1200" b="1" i="0" u="none" strike="noStrike" kern="1200" cap="none" spc="0" normalizeH="0" baseline="0" noProof="0">
              <a:ln>
                <a:noFill/>
              </a:ln>
              <a:solidFill>
                <a:srgbClr val="00243D"/>
              </a:solidFill>
              <a:effectLst/>
              <a:uLnTx/>
              <a:uFillTx/>
              <a:latin typeface="Maersk Text Office"/>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GB" sz="1200" b="1"/>
              <a:t>Explain how the innovation tool(s) is/are relevant to this company.</a:t>
            </a:r>
          </a:p>
          <a:p>
            <a:endParaRPr lang="en-DK"/>
          </a:p>
        </p:txBody>
      </p:sp>
      <p:sp>
        <p:nvSpPr>
          <p:cNvPr id="4" name="Slide Number Placeholder 3"/>
          <p:cNvSpPr>
            <a:spLocks noGrp="1"/>
          </p:cNvSpPr>
          <p:nvPr>
            <p:ph type="sldNum" sz="quarter" idx="5"/>
          </p:nvPr>
        </p:nvSpPr>
        <p:spPr/>
        <p:txBody>
          <a:bodyPr/>
          <a:lstStyle/>
          <a:p>
            <a:fld id="{5C0EBCD7-D9A5-484B-A549-64EF5CFF983F}" type="slidenum">
              <a:rPr lang="en-DK" smtClean="0"/>
              <a:t>14</a:t>
            </a:fld>
            <a:endParaRPr lang="en-DK"/>
          </a:p>
        </p:txBody>
      </p:sp>
    </p:spTree>
    <p:extLst>
      <p:ext uri="{BB962C8B-B14F-4D97-AF65-F5344CB8AC3E}">
        <p14:creationId xmlns:p14="http://schemas.microsoft.com/office/powerpoint/2010/main" val="22916497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200" b="1"/>
              <a:t>its concept and application in general</a:t>
            </a:r>
            <a:endParaRPr kumimoji="0" lang="en-US" sz="1200" b="1" i="0" u="none" strike="noStrike" kern="1200" cap="none" spc="0" normalizeH="0" baseline="0" noProof="0">
              <a:ln>
                <a:noFill/>
              </a:ln>
              <a:solidFill>
                <a:srgbClr val="00243D"/>
              </a:solidFill>
              <a:effectLst/>
              <a:uLnTx/>
              <a:uFillTx/>
              <a:latin typeface="Maersk Text Office"/>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GB" sz="1200" b="1"/>
              <a:t>Explain how the innovation tool(s) is/are relevant to this company.</a:t>
            </a:r>
          </a:p>
          <a:p>
            <a:endParaRPr lang="en-DK"/>
          </a:p>
        </p:txBody>
      </p:sp>
      <p:sp>
        <p:nvSpPr>
          <p:cNvPr id="4" name="Slide Number Placeholder 3"/>
          <p:cNvSpPr>
            <a:spLocks noGrp="1"/>
          </p:cNvSpPr>
          <p:nvPr>
            <p:ph type="sldNum" sz="quarter" idx="5"/>
          </p:nvPr>
        </p:nvSpPr>
        <p:spPr/>
        <p:txBody>
          <a:bodyPr/>
          <a:lstStyle/>
          <a:p>
            <a:fld id="{5C0EBCD7-D9A5-484B-A549-64EF5CFF983F}" type="slidenum">
              <a:rPr lang="en-DK" smtClean="0"/>
              <a:t>15</a:t>
            </a:fld>
            <a:endParaRPr lang="en-DK"/>
          </a:p>
        </p:txBody>
      </p:sp>
    </p:spTree>
    <p:extLst>
      <p:ext uri="{BB962C8B-B14F-4D97-AF65-F5344CB8AC3E}">
        <p14:creationId xmlns:p14="http://schemas.microsoft.com/office/powerpoint/2010/main" val="21646731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5C0EBCD7-D9A5-484B-A549-64EF5CFF983F}" type="slidenum">
              <a:rPr lang="en-DK" smtClean="0"/>
              <a:t>18</a:t>
            </a:fld>
            <a:endParaRPr lang="en-DK"/>
          </a:p>
        </p:txBody>
      </p:sp>
    </p:spTree>
    <p:extLst>
      <p:ext uri="{BB962C8B-B14F-4D97-AF65-F5344CB8AC3E}">
        <p14:creationId xmlns:p14="http://schemas.microsoft.com/office/powerpoint/2010/main" val="1584776737"/>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1_Title A">
    <p:spTree>
      <p:nvGrpSpPr>
        <p:cNvPr id="1" name=""/>
        <p:cNvGrpSpPr/>
        <p:nvPr/>
      </p:nvGrpSpPr>
      <p:grpSpPr>
        <a:xfrm>
          <a:off x="0" y="0"/>
          <a:ext cx="0" cy="0"/>
          <a:chOff x="0" y="0"/>
          <a:chExt cx="0" cy="0"/>
        </a:xfrm>
      </p:grpSpPr>
      <p:sp>
        <p:nvSpPr>
          <p:cNvPr id="8" name="Picture Placeholder 7"/>
          <p:cNvSpPr>
            <a:spLocks noGrp="1"/>
          </p:cNvSpPr>
          <p:nvPr>
            <p:ph type="pic" sz="quarter" idx="13" hasCustomPrompt="1"/>
          </p:nvPr>
        </p:nvSpPr>
        <p:spPr>
          <a:xfrm>
            <a:off x="0" y="-1"/>
            <a:ext cx="12193200" cy="6861600"/>
          </a:xfrm>
          <a:solidFill>
            <a:schemeClr val="bg2"/>
          </a:solidFill>
        </p:spPr>
        <p:txBody>
          <a:bodyPr lIns="144000" tIns="108000"/>
          <a:lstStyle>
            <a:lvl1pPr marL="0" indent="0" algn="ctr">
              <a:buNone/>
              <a:defRPr sz="1200">
                <a:solidFill>
                  <a:schemeClr val="bg1"/>
                </a:solidFill>
              </a:defRPr>
            </a:lvl1pPr>
          </a:lstStyle>
          <a:p>
            <a:r>
              <a:rPr lang="en-GB"/>
              <a:t>Click the icon to insert a photo</a:t>
            </a:r>
          </a:p>
        </p:txBody>
      </p:sp>
      <p:sp>
        <p:nvSpPr>
          <p:cNvPr id="19" name="Footer Placeholder 18" hidden="1">
            <a:extLst>
              <a:ext uri="{FF2B5EF4-FFF2-40B4-BE49-F238E27FC236}">
                <a16:creationId xmlns:a16="http://schemas.microsoft.com/office/drawing/2014/main" id="{EF117A4B-54AF-45DE-842B-8168C527210F}"/>
              </a:ext>
            </a:extLst>
          </p:cNvPr>
          <p:cNvSpPr>
            <a:spLocks noGrp="1"/>
          </p:cNvSpPr>
          <p:nvPr>
            <p:ph type="ftr" sz="quarter" idx="16"/>
          </p:nvPr>
        </p:nvSpPr>
        <p:spPr>
          <a:xfrm>
            <a:off x="0" y="6858000"/>
            <a:ext cx="0" cy="0"/>
          </a:xfrm>
        </p:spPr>
        <p:txBody>
          <a:bodyPr/>
          <a:lstStyle>
            <a:lvl1pPr>
              <a:defRPr sz="100">
                <a:noFill/>
              </a:defRPr>
            </a:lvl1pPr>
          </a:lstStyle>
          <a:p>
            <a:r>
              <a:rPr lang="en-GB"/>
              <a:t>A.P. Moller - Maersk</a:t>
            </a:r>
          </a:p>
        </p:txBody>
      </p:sp>
      <p:sp>
        <p:nvSpPr>
          <p:cNvPr id="20" name="Slide Number Placeholder 19" hidden="1">
            <a:extLst>
              <a:ext uri="{FF2B5EF4-FFF2-40B4-BE49-F238E27FC236}">
                <a16:creationId xmlns:a16="http://schemas.microsoft.com/office/drawing/2014/main" id="{6BB5F837-CD41-4FEA-B45A-2B3A60DC7C20}"/>
              </a:ext>
            </a:extLst>
          </p:cNvPr>
          <p:cNvSpPr>
            <a:spLocks noGrp="1"/>
          </p:cNvSpPr>
          <p:nvPr>
            <p:ph type="sldNum" sz="quarter" idx="17"/>
          </p:nvPr>
        </p:nvSpPr>
        <p:spPr>
          <a:xfrm>
            <a:off x="0" y="6858000"/>
            <a:ext cx="0" cy="0"/>
          </a:xfrm>
        </p:spPr>
        <p:txBody>
          <a:bodyPr/>
          <a:lstStyle>
            <a:lvl1pPr>
              <a:defRPr sz="100">
                <a:noFill/>
              </a:defRPr>
            </a:lvl1pPr>
          </a:lstStyle>
          <a:p>
            <a:r>
              <a:rPr lang="en-GB"/>
              <a:t>.</a:t>
            </a:r>
          </a:p>
        </p:txBody>
      </p:sp>
      <p:sp>
        <p:nvSpPr>
          <p:cNvPr id="11" name="Logo Placeholder 9">
            <a:extLst>
              <a:ext uri="{FF2B5EF4-FFF2-40B4-BE49-F238E27FC236}">
                <a16:creationId xmlns:a16="http://schemas.microsoft.com/office/drawing/2014/main" id="{F232CC61-7BD6-45B9-BF40-EB9A6CC7FC88}"/>
              </a:ext>
            </a:extLst>
          </p:cNvPr>
          <p:cNvSpPr>
            <a:spLocks noGrp="1"/>
          </p:cNvSpPr>
          <p:nvPr>
            <p:ph type="body" sz="quarter" idx="14" hasCustomPrompt="1"/>
          </p:nvPr>
        </p:nvSpPr>
        <p:spPr>
          <a:xfrm>
            <a:off x="10313965" y="5975285"/>
            <a:ext cx="1885918" cy="890598"/>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p>
        </p:txBody>
      </p:sp>
      <p:sp>
        <p:nvSpPr>
          <p:cNvPr id="12" name="Title 1">
            <a:extLst>
              <a:ext uri="{FF2B5EF4-FFF2-40B4-BE49-F238E27FC236}">
                <a16:creationId xmlns:a16="http://schemas.microsoft.com/office/drawing/2014/main" id="{9C1261A4-E237-4292-BF30-5B51290CCC86}"/>
              </a:ext>
            </a:extLst>
          </p:cNvPr>
          <p:cNvSpPr>
            <a:spLocks noGrp="1"/>
          </p:cNvSpPr>
          <p:nvPr>
            <p:ph type="ctrTitle" hasCustomPrompt="1"/>
          </p:nvPr>
        </p:nvSpPr>
        <p:spPr>
          <a:xfrm>
            <a:off x="500063" y="2449513"/>
            <a:ext cx="5595937" cy="657369"/>
          </a:xfrm>
        </p:spPr>
        <p:txBody>
          <a:bodyPr anchor="t"/>
          <a:lstStyle>
            <a:lvl1pPr algn="l">
              <a:defRPr sz="4000">
                <a:solidFill>
                  <a:schemeClr val="bg1"/>
                </a:solidFill>
              </a:defRPr>
            </a:lvl1pPr>
          </a:lstStyle>
          <a:p>
            <a:r>
              <a:rPr lang="en-GB"/>
              <a:t>Click to add title</a:t>
            </a:r>
          </a:p>
        </p:txBody>
      </p:sp>
      <p:sp>
        <p:nvSpPr>
          <p:cNvPr id="13" name="Text Placeholder 23">
            <a:extLst>
              <a:ext uri="{FF2B5EF4-FFF2-40B4-BE49-F238E27FC236}">
                <a16:creationId xmlns:a16="http://schemas.microsoft.com/office/drawing/2014/main" id="{3DFA7FF9-9300-42F7-8FF9-B297F4610A1A}"/>
              </a:ext>
            </a:extLst>
          </p:cNvPr>
          <p:cNvSpPr>
            <a:spLocks noGrp="1"/>
          </p:cNvSpPr>
          <p:nvPr>
            <p:ph type="body" sz="quarter" idx="18" hasCustomPrompt="1"/>
          </p:nvPr>
        </p:nvSpPr>
        <p:spPr>
          <a:xfrm>
            <a:off x="478956" y="6112252"/>
            <a:ext cx="2629369" cy="140506"/>
          </a:xfrm>
        </p:spPr>
        <p:txBody>
          <a:bodyPr/>
          <a:lstStyle>
            <a:lvl1pPr marL="0" indent="0">
              <a:buNone/>
              <a:defRPr sz="900">
                <a:solidFill>
                  <a:schemeClr val="bg1"/>
                </a:solidFill>
              </a:defRPr>
            </a:lvl1pPr>
          </a:lstStyle>
          <a:p>
            <a:pPr lvl="0"/>
            <a:r>
              <a:rPr lang="en-GB"/>
              <a:t>Insert presenter’s name and surname</a:t>
            </a:r>
          </a:p>
        </p:txBody>
      </p:sp>
      <p:sp>
        <p:nvSpPr>
          <p:cNvPr id="14" name="Text Placeholder 4">
            <a:extLst>
              <a:ext uri="{FF2B5EF4-FFF2-40B4-BE49-F238E27FC236}">
                <a16:creationId xmlns:a16="http://schemas.microsoft.com/office/drawing/2014/main" id="{49C99AAE-1FE6-451D-A60A-1254DDD53809}"/>
              </a:ext>
            </a:extLst>
          </p:cNvPr>
          <p:cNvSpPr>
            <a:spLocks noGrp="1"/>
          </p:cNvSpPr>
          <p:nvPr>
            <p:ph type="body" sz="quarter" idx="20" hasCustomPrompt="1"/>
          </p:nvPr>
        </p:nvSpPr>
        <p:spPr>
          <a:xfrm>
            <a:off x="479425" y="6293803"/>
            <a:ext cx="2628900" cy="177800"/>
          </a:xfrm>
        </p:spPr>
        <p:txBody>
          <a:bodyPr/>
          <a:lstStyle>
            <a:lvl1pPr marL="0" indent="0">
              <a:buNone/>
              <a:defRPr sz="900">
                <a:solidFill>
                  <a:schemeClr val="bg1"/>
                </a:solidFill>
              </a:defRPr>
            </a:lvl1pPr>
          </a:lstStyle>
          <a:p>
            <a:pPr lvl="0"/>
            <a:r>
              <a:rPr lang="da-DK" sz="900" err="1"/>
              <a:t>Insert</a:t>
            </a:r>
            <a:r>
              <a:rPr lang="da-DK" sz="900"/>
              <a:t> date</a:t>
            </a:r>
            <a:endParaRPr lang="da-DK"/>
          </a:p>
        </p:txBody>
      </p:sp>
      <p:sp>
        <p:nvSpPr>
          <p:cNvPr id="21" name="Content Placeholder 5">
            <a:extLst>
              <a:ext uri="{FF2B5EF4-FFF2-40B4-BE49-F238E27FC236}">
                <a16:creationId xmlns:a16="http://schemas.microsoft.com/office/drawing/2014/main" id="{7E5C0DAC-171F-498D-83D6-6617B650812B}"/>
              </a:ext>
            </a:extLst>
          </p:cNvPr>
          <p:cNvSpPr>
            <a:spLocks noGrp="1"/>
          </p:cNvSpPr>
          <p:nvPr>
            <p:ph sz="quarter" idx="21" hasCustomPrompt="1"/>
          </p:nvPr>
        </p:nvSpPr>
        <p:spPr>
          <a:xfrm>
            <a:off x="500063" y="3241675"/>
            <a:ext cx="5630862" cy="550863"/>
          </a:xfrm>
        </p:spPr>
        <p:txBody>
          <a:bodyPr/>
          <a:lstStyle>
            <a:lvl1pPr marL="0" indent="0">
              <a:buNone/>
              <a:defRPr b="1">
                <a:solidFill>
                  <a:schemeClr val="bg1"/>
                </a:solidFill>
              </a:defRPr>
            </a:lvl1pPr>
          </a:lstStyle>
          <a:p>
            <a:pPr lvl="0"/>
            <a:r>
              <a:rPr lang="da-DK"/>
              <a:t>MAERSK DECOM</a:t>
            </a:r>
          </a:p>
        </p:txBody>
      </p:sp>
    </p:spTree>
    <p:extLst>
      <p:ext uri="{BB962C8B-B14F-4D97-AF65-F5344CB8AC3E}">
        <p14:creationId xmlns:p14="http://schemas.microsoft.com/office/powerpoint/2010/main" val="405276496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3" y="501650"/>
            <a:ext cx="11209537" cy="719138"/>
          </a:xfrm>
        </p:spPr>
        <p:txBody>
          <a:bodyPr/>
          <a:lstStyle>
            <a:lvl1pPr>
              <a:defRPr>
                <a:solidFill>
                  <a:schemeClr val="bg2"/>
                </a:solidFill>
              </a:defRPr>
            </a:lvl1pPr>
          </a:lstStyle>
          <a:p>
            <a:r>
              <a:rPr lang="en-GB"/>
              <a:t>Click to add title</a:t>
            </a:r>
          </a:p>
        </p:txBody>
      </p:sp>
      <p:sp>
        <p:nvSpPr>
          <p:cNvPr id="3" name="Content Placeholder 2"/>
          <p:cNvSpPr>
            <a:spLocks noGrp="1"/>
          </p:cNvSpPr>
          <p:nvPr>
            <p:ph sz="half" idx="1" hasCustomPrompt="1"/>
          </p:nvPr>
        </p:nvSpPr>
        <p:spPr>
          <a:xfrm>
            <a:off x="500063" y="1950097"/>
            <a:ext cx="3560736" cy="3687881"/>
          </a:xfrm>
          <a:solidFill>
            <a:schemeClr val="bg1"/>
          </a:solidFill>
        </p:spPr>
        <p:txBody>
          <a:bodyPr/>
          <a:lstStyle>
            <a:lvl1pPr>
              <a:buClr>
                <a:schemeClr val="accent2"/>
              </a:buClr>
              <a:defRPr/>
            </a:lvl1pPr>
            <a:lvl2pPr>
              <a:buClr>
                <a:schemeClr val="accent2"/>
              </a:buClr>
              <a:defRPr/>
            </a:lvl2pPr>
            <a:lvl3pPr>
              <a:buClr>
                <a:schemeClr val="accent2"/>
              </a:buClr>
              <a:defRPr/>
            </a:lvl3pPr>
            <a:lvl4pPr>
              <a:defRPr>
                <a:solidFill>
                  <a:schemeClr val="accent2"/>
                </a:solidFill>
              </a:defRPr>
            </a:lvl4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4" name="Content Placeholder 3"/>
          <p:cNvSpPr>
            <a:spLocks noGrp="1"/>
          </p:cNvSpPr>
          <p:nvPr>
            <p:ph sz="half" idx="2" hasCustomPrompt="1"/>
          </p:nvPr>
        </p:nvSpPr>
        <p:spPr>
          <a:xfrm>
            <a:off x="4326138" y="1950097"/>
            <a:ext cx="3560736" cy="3687881"/>
          </a:xfrm>
          <a:solidFill>
            <a:schemeClr val="bg1"/>
          </a:solidFill>
        </p:spPr>
        <p:txBody>
          <a:bodyPr/>
          <a:lstStyle>
            <a:lvl1pPr>
              <a:buClr>
                <a:schemeClr val="accent2"/>
              </a:buClr>
              <a:defRPr/>
            </a:lvl1pPr>
            <a:lvl2pPr>
              <a:buClr>
                <a:schemeClr val="accent2"/>
              </a:buClr>
              <a:defRPr/>
            </a:lvl2pPr>
            <a:lvl3pPr>
              <a:buClr>
                <a:schemeClr val="accent2"/>
              </a:buClr>
              <a:defRPr/>
            </a:lvl3pPr>
            <a:lvl4pPr>
              <a:defRPr>
                <a:solidFill>
                  <a:schemeClr val="accent2"/>
                </a:solidFill>
              </a:defRPr>
            </a:lvl4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8" name="Content Placeholder 3">
            <a:extLst>
              <a:ext uri="{FF2B5EF4-FFF2-40B4-BE49-F238E27FC236}">
                <a16:creationId xmlns:a16="http://schemas.microsoft.com/office/drawing/2014/main" id="{43327ACD-F89A-484C-8B15-F2161D2D5BCB}"/>
              </a:ext>
            </a:extLst>
          </p:cNvPr>
          <p:cNvSpPr>
            <a:spLocks noGrp="1"/>
          </p:cNvSpPr>
          <p:nvPr>
            <p:ph sz="half" idx="13" hasCustomPrompt="1"/>
          </p:nvPr>
        </p:nvSpPr>
        <p:spPr>
          <a:xfrm>
            <a:off x="8131175" y="1950097"/>
            <a:ext cx="3559175" cy="3687881"/>
          </a:xfrm>
          <a:solidFill>
            <a:schemeClr val="bg1"/>
          </a:solidFill>
        </p:spPr>
        <p:txBody>
          <a:bodyPr/>
          <a:lstStyle>
            <a:lvl1pPr>
              <a:buClr>
                <a:schemeClr val="accent2"/>
              </a:buClr>
              <a:defRPr/>
            </a:lvl1pPr>
            <a:lvl2pPr>
              <a:buClr>
                <a:schemeClr val="accent2"/>
              </a:buClr>
              <a:defRPr/>
            </a:lvl2pPr>
            <a:lvl3pPr>
              <a:buClr>
                <a:schemeClr val="accent2"/>
              </a:buClr>
              <a:defRPr/>
            </a:lvl3pPr>
            <a:lvl4pPr>
              <a:defRPr>
                <a:solidFill>
                  <a:schemeClr val="accent2"/>
                </a:solidFill>
              </a:defRPr>
            </a:lvl4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13" name="Slide Number Placeholder 12">
            <a:extLst>
              <a:ext uri="{FF2B5EF4-FFF2-40B4-BE49-F238E27FC236}">
                <a16:creationId xmlns:a16="http://schemas.microsoft.com/office/drawing/2014/main" id="{E56BDAC3-1A7D-4E21-85A0-10315A7DA9F4}"/>
              </a:ext>
            </a:extLst>
          </p:cNvPr>
          <p:cNvSpPr>
            <a:spLocks noGrp="1"/>
          </p:cNvSpPr>
          <p:nvPr>
            <p:ph type="sldNum" sz="quarter" idx="16"/>
          </p:nvPr>
        </p:nvSpPr>
        <p:spPr/>
        <p:txBody>
          <a:bodyPr/>
          <a:lstStyle/>
          <a:p>
            <a:fld id="{43A204BC-C5BA-4EF4-ABC8-D45123A0C528}" type="slidenum">
              <a:rPr lang="en-GB" smtClean="0"/>
              <a:pPr/>
              <a:t>‹#›</a:t>
            </a:fld>
            <a:endParaRPr lang="en-GB"/>
          </a:p>
        </p:txBody>
      </p:sp>
      <p:sp>
        <p:nvSpPr>
          <p:cNvPr id="11" name="Date Placeholder 10" hidden="1">
            <a:extLst>
              <a:ext uri="{FF2B5EF4-FFF2-40B4-BE49-F238E27FC236}">
                <a16:creationId xmlns:a16="http://schemas.microsoft.com/office/drawing/2014/main" id="{C8F53383-3780-4626-A2BE-E67BBD0A1DFE}"/>
              </a:ext>
            </a:extLst>
          </p:cNvPr>
          <p:cNvSpPr>
            <a:spLocks noGrp="1"/>
          </p:cNvSpPr>
          <p:nvPr>
            <p:ph type="dt" sz="half" idx="14"/>
          </p:nvPr>
        </p:nvSpPr>
        <p:spPr/>
        <p:txBody>
          <a:bodyPr/>
          <a:lstStyle/>
          <a:p>
            <a:endParaRPr lang="en-GB"/>
          </a:p>
        </p:txBody>
      </p:sp>
      <p:sp>
        <p:nvSpPr>
          <p:cNvPr id="9" name="TextBox 8">
            <a:extLst>
              <a:ext uri="{FF2B5EF4-FFF2-40B4-BE49-F238E27FC236}">
                <a16:creationId xmlns:a16="http://schemas.microsoft.com/office/drawing/2014/main" id="{3B999FC2-9FD4-4AA1-BFB5-4E0BF120C2F6}"/>
              </a:ext>
            </a:extLst>
          </p:cNvPr>
          <p:cNvSpPr txBox="1"/>
          <p:nvPr userDrawn="1"/>
        </p:nvSpPr>
        <p:spPr>
          <a:xfrm>
            <a:off x="4046483" y="6224378"/>
            <a:ext cx="4099035" cy="184666"/>
          </a:xfrm>
          <a:prstGeom prst="rect">
            <a:avLst/>
          </a:prstGeom>
          <a:noFill/>
        </p:spPr>
        <p:txBody>
          <a:bodyPr wrap="square" lIns="0" tIns="0" rIns="0" bIns="0" rtlCol="0">
            <a:spAutoFit/>
          </a:bodyPr>
          <a:lstStyle/>
          <a:p>
            <a:pPr algn="ctr"/>
            <a:r>
              <a:rPr lang="da-DK" sz="1200">
                <a:solidFill>
                  <a:schemeClr val="tx2"/>
                </a:solidFill>
                <a:latin typeface="Maersk Headline Light" panose="00000400000000000000" pitchFamily="50" charset="0"/>
              </a:rPr>
              <a:t>No </a:t>
            </a:r>
            <a:r>
              <a:rPr lang="da-DK" sz="1200" err="1">
                <a:solidFill>
                  <a:schemeClr val="tx2"/>
                </a:solidFill>
                <a:latin typeface="Maersk Headline Light" panose="00000400000000000000" pitchFamily="50" charset="0"/>
              </a:rPr>
              <a:t>resource</a:t>
            </a:r>
            <a:r>
              <a:rPr lang="da-DK" sz="1200">
                <a:solidFill>
                  <a:schemeClr val="tx2"/>
                </a:solidFill>
                <a:latin typeface="Maersk Headline Light" panose="00000400000000000000" pitchFamily="50" charset="0"/>
              </a:rPr>
              <a:t> </a:t>
            </a:r>
            <a:r>
              <a:rPr lang="da-DK" sz="1200" err="1">
                <a:solidFill>
                  <a:schemeClr val="tx2"/>
                </a:solidFill>
                <a:latin typeface="Maersk Headline Light" panose="00000400000000000000" pitchFamily="50" charset="0"/>
              </a:rPr>
              <a:t>wasted</a:t>
            </a:r>
            <a:endParaRPr lang="da-DK" sz="1200">
              <a:solidFill>
                <a:schemeClr val="tx2"/>
              </a:solidFill>
              <a:latin typeface="Maersk Headline Light" panose="00000400000000000000" pitchFamily="50" charset="0"/>
            </a:endParaRPr>
          </a:p>
        </p:txBody>
      </p:sp>
    </p:spTree>
    <p:extLst>
      <p:ext uri="{BB962C8B-B14F-4D97-AF65-F5344CB8AC3E}">
        <p14:creationId xmlns:p14="http://schemas.microsoft.com/office/powerpoint/2010/main" val="144572916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ulleted list with numbers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4" y="412442"/>
            <a:ext cx="11188800" cy="719138"/>
          </a:xfrm>
        </p:spPr>
        <p:txBody>
          <a:bodyPr/>
          <a:lstStyle>
            <a:lvl1pPr>
              <a:defRPr sz="2400">
                <a:solidFill>
                  <a:schemeClr val="bg2"/>
                </a:solidFill>
              </a:defRPr>
            </a:lvl1pPr>
          </a:lstStyle>
          <a:p>
            <a:r>
              <a:rPr lang="en-GB" noProof="0"/>
              <a:t>Click to add title</a:t>
            </a:r>
          </a:p>
        </p:txBody>
      </p:sp>
      <p:sp>
        <p:nvSpPr>
          <p:cNvPr id="12" name="Text Placeholder 2">
            <a:extLst>
              <a:ext uri="{FF2B5EF4-FFF2-40B4-BE49-F238E27FC236}">
                <a16:creationId xmlns:a16="http://schemas.microsoft.com/office/drawing/2014/main" id="{C5027FDC-6FFF-4553-A164-9D1EA73663FE}"/>
              </a:ext>
            </a:extLst>
          </p:cNvPr>
          <p:cNvSpPr>
            <a:spLocks noGrp="1"/>
          </p:cNvSpPr>
          <p:nvPr>
            <p:ph type="body" sz="quarter" idx="19" hasCustomPrompt="1"/>
          </p:nvPr>
        </p:nvSpPr>
        <p:spPr>
          <a:xfrm>
            <a:off x="500064" y="1885949"/>
            <a:ext cx="715961" cy="3751264"/>
          </a:xfrm>
        </p:spPr>
        <p:txBody>
          <a:bodyPr/>
          <a:lstStyle>
            <a:lvl1pPr marL="0" indent="0">
              <a:spcAft>
                <a:spcPts val="2400"/>
              </a:spcAft>
              <a:buNone/>
              <a:defRPr lang="en-US" sz="2800" kern="1200" dirty="0" smtClean="0">
                <a:solidFill>
                  <a:schemeClr val="accent2"/>
                </a:solidFill>
                <a:latin typeface="+mj-lt"/>
                <a:ea typeface="+mn-ea"/>
                <a:cs typeface="+mn-cs"/>
              </a:defRPr>
            </a:lvl1pPr>
          </a:lstStyle>
          <a:p>
            <a:pPr lvl="0"/>
            <a:r>
              <a:rPr lang="en-GB"/>
              <a:t>01 -</a:t>
            </a:r>
          </a:p>
        </p:txBody>
      </p:sp>
      <p:sp>
        <p:nvSpPr>
          <p:cNvPr id="14" name="Text Placeholder 3">
            <a:extLst>
              <a:ext uri="{FF2B5EF4-FFF2-40B4-BE49-F238E27FC236}">
                <a16:creationId xmlns:a16="http://schemas.microsoft.com/office/drawing/2014/main" id="{7049ABFC-94E9-40A1-97A7-B001CEAD3292}"/>
              </a:ext>
            </a:extLst>
          </p:cNvPr>
          <p:cNvSpPr>
            <a:spLocks noGrp="1"/>
          </p:cNvSpPr>
          <p:nvPr>
            <p:ph type="body" sz="quarter" idx="20" hasCustomPrompt="1"/>
          </p:nvPr>
        </p:nvSpPr>
        <p:spPr>
          <a:xfrm>
            <a:off x="1454148" y="1885949"/>
            <a:ext cx="9302400" cy="3751264"/>
          </a:xfrm>
        </p:spPr>
        <p:txBody>
          <a:bodyPr/>
          <a:lstStyle>
            <a:lvl1pPr marL="0" indent="0">
              <a:spcAft>
                <a:spcPts val="2400"/>
              </a:spcAft>
              <a:buNone/>
              <a:defRPr lang="en-US" sz="2800" kern="1200" dirty="0" smtClean="0">
                <a:solidFill>
                  <a:schemeClr val="tx1"/>
                </a:solidFill>
                <a:latin typeface="+mj-lt"/>
                <a:ea typeface="+mn-ea"/>
                <a:cs typeface="+mn-cs"/>
              </a:defRPr>
            </a:lvl1pPr>
          </a:lstStyle>
          <a:p>
            <a:pPr lvl="0"/>
            <a:r>
              <a:rPr lang="en-GB" noProof="0"/>
              <a:t>Click to add text</a:t>
            </a:r>
            <a:endParaRPr lang="en-GB"/>
          </a:p>
        </p:txBody>
      </p:sp>
      <p:sp>
        <p:nvSpPr>
          <p:cNvPr id="9" name="Slide Number Placeholder 8">
            <a:extLst>
              <a:ext uri="{FF2B5EF4-FFF2-40B4-BE49-F238E27FC236}">
                <a16:creationId xmlns:a16="http://schemas.microsoft.com/office/drawing/2014/main" id="{DDAB2A36-6220-480C-B58F-CFF0A15787CF}"/>
              </a:ext>
            </a:extLst>
          </p:cNvPr>
          <p:cNvSpPr>
            <a:spLocks noGrp="1"/>
          </p:cNvSpPr>
          <p:nvPr>
            <p:ph type="sldNum" sz="quarter" idx="17"/>
          </p:nvPr>
        </p:nvSpPr>
        <p:spPr/>
        <p:txBody>
          <a:bodyPr/>
          <a:lstStyle/>
          <a:p>
            <a:fld id="{43A204BC-C5BA-4EF4-ABC8-D45123A0C528}" type="slidenum">
              <a:rPr lang="en-GB" smtClean="0"/>
              <a:pPr/>
              <a:t>‹#›</a:t>
            </a:fld>
            <a:endParaRPr lang="en-GB"/>
          </a:p>
        </p:txBody>
      </p:sp>
      <p:sp>
        <p:nvSpPr>
          <p:cNvPr id="6" name="Date Placeholder 5" hidden="1">
            <a:extLst>
              <a:ext uri="{FF2B5EF4-FFF2-40B4-BE49-F238E27FC236}">
                <a16:creationId xmlns:a16="http://schemas.microsoft.com/office/drawing/2014/main" id="{BC8FE318-906F-4EA5-9B25-B9CA26679122}"/>
              </a:ext>
            </a:extLst>
          </p:cNvPr>
          <p:cNvSpPr>
            <a:spLocks noGrp="1"/>
          </p:cNvSpPr>
          <p:nvPr>
            <p:ph type="dt" sz="half" idx="15"/>
          </p:nvPr>
        </p:nvSpPr>
        <p:spPr/>
        <p:txBody>
          <a:bodyPr/>
          <a:lstStyle/>
          <a:p>
            <a:endParaRPr lang="en-GB"/>
          </a:p>
        </p:txBody>
      </p:sp>
      <p:sp>
        <p:nvSpPr>
          <p:cNvPr id="7" name="TextBox 6">
            <a:extLst>
              <a:ext uri="{FF2B5EF4-FFF2-40B4-BE49-F238E27FC236}">
                <a16:creationId xmlns:a16="http://schemas.microsoft.com/office/drawing/2014/main" id="{FD71A099-AF09-4AD4-8CCA-D4006AA7D9A6}"/>
              </a:ext>
            </a:extLst>
          </p:cNvPr>
          <p:cNvSpPr txBox="1"/>
          <p:nvPr userDrawn="1"/>
        </p:nvSpPr>
        <p:spPr>
          <a:xfrm>
            <a:off x="4046483" y="6224378"/>
            <a:ext cx="4099035" cy="184666"/>
          </a:xfrm>
          <a:prstGeom prst="rect">
            <a:avLst/>
          </a:prstGeom>
          <a:noFill/>
        </p:spPr>
        <p:txBody>
          <a:bodyPr wrap="square" lIns="0" tIns="0" rIns="0" bIns="0" rtlCol="0">
            <a:spAutoFit/>
          </a:bodyPr>
          <a:lstStyle/>
          <a:p>
            <a:pPr algn="ctr"/>
            <a:r>
              <a:rPr lang="da-DK" sz="1200">
                <a:solidFill>
                  <a:schemeClr val="tx2"/>
                </a:solidFill>
                <a:latin typeface="Maersk Headline Light" panose="00000400000000000000" pitchFamily="50" charset="0"/>
              </a:rPr>
              <a:t>No </a:t>
            </a:r>
            <a:r>
              <a:rPr lang="da-DK" sz="1200" err="1">
                <a:solidFill>
                  <a:schemeClr val="tx2"/>
                </a:solidFill>
                <a:latin typeface="Maersk Headline Light" panose="00000400000000000000" pitchFamily="50" charset="0"/>
              </a:rPr>
              <a:t>resource</a:t>
            </a:r>
            <a:r>
              <a:rPr lang="da-DK" sz="1200">
                <a:solidFill>
                  <a:schemeClr val="tx2"/>
                </a:solidFill>
                <a:latin typeface="Maersk Headline Light" panose="00000400000000000000" pitchFamily="50" charset="0"/>
              </a:rPr>
              <a:t> </a:t>
            </a:r>
            <a:r>
              <a:rPr lang="da-DK" sz="1200" err="1">
                <a:solidFill>
                  <a:schemeClr val="tx2"/>
                </a:solidFill>
                <a:latin typeface="Maersk Headline Light" panose="00000400000000000000" pitchFamily="50" charset="0"/>
              </a:rPr>
              <a:t>wasted</a:t>
            </a:r>
            <a:endParaRPr lang="da-DK" sz="1200">
              <a:solidFill>
                <a:schemeClr val="tx2"/>
              </a:solidFill>
              <a:latin typeface="Maersk Headline Light" panose="00000400000000000000" pitchFamily="50" charset="0"/>
            </a:endParaRPr>
          </a:p>
        </p:txBody>
      </p:sp>
    </p:spTree>
    <p:extLst>
      <p:ext uri="{BB962C8B-B14F-4D97-AF65-F5344CB8AC3E}">
        <p14:creationId xmlns:p14="http://schemas.microsoft.com/office/powerpoint/2010/main" val="133061918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ulleted list with numbers B">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A5975426-E16F-4D12-98B6-8FE2A0F7895B}"/>
              </a:ext>
            </a:extLst>
          </p:cNvPr>
          <p:cNvSpPr/>
          <p:nvPr userDrawn="1"/>
        </p:nvSpPr>
        <p:spPr>
          <a:xfrm>
            <a:off x="0" y="0"/>
            <a:ext cx="12190476" cy="6858000"/>
          </a:xfrm>
          <a:prstGeom prst="rect">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GB" sz="2000" noProof="0" err="1"/>
          </a:p>
        </p:txBody>
      </p:sp>
      <p:sp>
        <p:nvSpPr>
          <p:cNvPr id="2" name="Title 1"/>
          <p:cNvSpPr>
            <a:spLocks noGrp="1"/>
          </p:cNvSpPr>
          <p:nvPr>
            <p:ph type="title" hasCustomPrompt="1"/>
          </p:nvPr>
        </p:nvSpPr>
        <p:spPr>
          <a:xfrm>
            <a:off x="500064" y="412442"/>
            <a:ext cx="11190286" cy="719138"/>
          </a:xfrm>
        </p:spPr>
        <p:txBody>
          <a:bodyPr/>
          <a:lstStyle>
            <a:lvl1pPr>
              <a:defRPr sz="2400">
                <a:solidFill>
                  <a:schemeClr val="bg2"/>
                </a:solidFill>
              </a:defRPr>
            </a:lvl1pPr>
          </a:lstStyle>
          <a:p>
            <a:r>
              <a:rPr lang="en-GB" noProof="0"/>
              <a:t>Click to add title</a:t>
            </a:r>
          </a:p>
        </p:txBody>
      </p:sp>
      <p:sp>
        <p:nvSpPr>
          <p:cNvPr id="12" name="Text Placeholder 2">
            <a:extLst>
              <a:ext uri="{FF2B5EF4-FFF2-40B4-BE49-F238E27FC236}">
                <a16:creationId xmlns:a16="http://schemas.microsoft.com/office/drawing/2014/main" id="{C5027FDC-6FFF-4553-A164-9D1EA73663FE}"/>
              </a:ext>
            </a:extLst>
          </p:cNvPr>
          <p:cNvSpPr>
            <a:spLocks noGrp="1"/>
          </p:cNvSpPr>
          <p:nvPr>
            <p:ph type="body" sz="quarter" idx="19" hasCustomPrompt="1"/>
          </p:nvPr>
        </p:nvSpPr>
        <p:spPr>
          <a:xfrm>
            <a:off x="500064" y="1885949"/>
            <a:ext cx="715961" cy="3751264"/>
          </a:xfrm>
        </p:spPr>
        <p:txBody>
          <a:bodyPr/>
          <a:lstStyle>
            <a:lvl1pPr marL="0" indent="0">
              <a:spcAft>
                <a:spcPts val="2400"/>
              </a:spcAft>
              <a:buNone/>
              <a:defRPr lang="en-US" sz="2800" kern="1200" dirty="0" smtClean="0">
                <a:solidFill>
                  <a:schemeClr val="tx1"/>
                </a:solidFill>
                <a:latin typeface="+mj-lt"/>
                <a:ea typeface="+mn-ea"/>
                <a:cs typeface="+mn-cs"/>
              </a:defRPr>
            </a:lvl1pPr>
          </a:lstStyle>
          <a:p>
            <a:pPr lvl="0"/>
            <a:r>
              <a:rPr lang="en-GB"/>
              <a:t>01 -</a:t>
            </a:r>
          </a:p>
        </p:txBody>
      </p:sp>
      <p:sp>
        <p:nvSpPr>
          <p:cNvPr id="14" name="Text Placeholder 3">
            <a:extLst>
              <a:ext uri="{FF2B5EF4-FFF2-40B4-BE49-F238E27FC236}">
                <a16:creationId xmlns:a16="http://schemas.microsoft.com/office/drawing/2014/main" id="{7049ABFC-94E9-40A1-97A7-B001CEAD3292}"/>
              </a:ext>
            </a:extLst>
          </p:cNvPr>
          <p:cNvSpPr>
            <a:spLocks noGrp="1"/>
          </p:cNvSpPr>
          <p:nvPr>
            <p:ph type="body" sz="quarter" idx="20" hasCustomPrompt="1"/>
          </p:nvPr>
        </p:nvSpPr>
        <p:spPr>
          <a:xfrm>
            <a:off x="1454149" y="1885949"/>
            <a:ext cx="9301164" cy="3751264"/>
          </a:xfrm>
        </p:spPr>
        <p:txBody>
          <a:bodyPr/>
          <a:lstStyle>
            <a:lvl1pPr marL="0" indent="0">
              <a:spcAft>
                <a:spcPts val="2400"/>
              </a:spcAft>
              <a:buNone/>
              <a:defRPr lang="en-US" sz="2800" kern="1200" dirty="0" smtClean="0">
                <a:solidFill>
                  <a:schemeClr val="tx1"/>
                </a:solidFill>
                <a:latin typeface="+mj-lt"/>
                <a:ea typeface="+mn-ea"/>
                <a:cs typeface="+mn-cs"/>
              </a:defRPr>
            </a:lvl1pPr>
          </a:lstStyle>
          <a:p>
            <a:pPr lvl="0"/>
            <a:r>
              <a:rPr lang="en-GB" noProof="0"/>
              <a:t>Click to add text</a:t>
            </a:r>
            <a:endParaRPr lang="en-GB"/>
          </a:p>
        </p:txBody>
      </p:sp>
      <p:sp>
        <p:nvSpPr>
          <p:cNvPr id="9" name="Slide Number Placeholder 8">
            <a:extLst>
              <a:ext uri="{FF2B5EF4-FFF2-40B4-BE49-F238E27FC236}">
                <a16:creationId xmlns:a16="http://schemas.microsoft.com/office/drawing/2014/main" id="{DDAB2A36-6220-480C-B58F-CFF0A15787CF}"/>
              </a:ext>
            </a:extLst>
          </p:cNvPr>
          <p:cNvSpPr>
            <a:spLocks noGrp="1"/>
          </p:cNvSpPr>
          <p:nvPr>
            <p:ph type="sldNum" sz="quarter" idx="17"/>
          </p:nvPr>
        </p:nvSpPr>
        <p:spPr/>
        <p:txBody>
          <a:bodyPr/>
          <a:lstStyle>
            <a:lvl1pPr>
              <a:defRPr>
                <a:solidFill>
                  <a:schemeClr val="tx1"/>
                </a:solidFill>
              </a:defRPr>
            </a:lvl1pPr>
          </a:lstStyle>
          <a:p>
            <a:fld id="{43A204BC-C5BA-4EF4-ABC8-D45123A0C528}" type="slidenum">
              <a:rPr lang="en-GB" smtClean="0"/>
              <a:pPr/>
              <a:t>‹#›</a:t>
            </a:fld>
            <a:endParaRPr lang="en-GB"/>
          </a:p>
        </p:txBody>
      </p:sp>
      <p:sp>
        <p:nvSpPr>
          <p:cNvPr id="6" name="Date Placeholder 5" hidden="1">
            <a:extLst>
              <a:ext uri="{FF2B5EF4-FFF2-40B4-BE49-F238E27FC236}">
                <a16:creationId xmlns:a16="http://schemas.microsoft.com/office/drawing/2014/main" id="{BC8FE318-906F-4EA5-9B25-B9CA26679122}"/>
              </a:ext>
            </a:extLst>
          </p:cNvPr>
          <p:cNvSpPr>
            <a:spLocks noGrp="1"/>
          </p:cNvSpPr>
          <p:nvPr>
            <p:ph type="dt" sz="half" idx="15"/>
          </p:nvPr>
        </p:nvSpPr>
        <p:spPr/>
        <p:txBody>
          <a:bodyPr/>
          <a:lstStyle/>
          <a:p>
            <a:endParaRPr lang="en-GB"/>
          </a:p>
        </p:txBody>
      </p:sp>
      <p:sp>
        <p:nvSpPr>
          <p:cNvPr id="13" name="Logo Placeholder 9">
            <a:extLst>
              <a:ext uri="{FF2B5EF4-FFF2-40B4-BE49-F238E27FC236}">
                <a16:creationId xmlns:a16="http://schemas.microsoft.com/office/drawing/2014/main" id="{42E95F59-4A45-4FAE-8F41-0629577015AD}"/>
              </a:ext>
            </a:extLst>
          </p:cNvPr>
          <p:cNvSpPr>
            <a:spLocks noGrp="1"/>
          </p:cNvSpPr>
          <p:nvPr>
            <p:ph type="body" sz="quarter" idx="14" hasCustomPrompt="1"/>
          </p:nvPr>
        </p:nvSpPr>
        <p:spPr>
          <a:xfrm>
            <a:off x="10313965" y="5975285"/>
            <a:ext cx="1885918" cy="890598"/>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p>
        </p:txBody>
      </p:sp>
      <p:sp>
        <p:nvSpPr>
          <p:cNvPr id="15" name="TextBox 14">
            <a:extLst>
              <a:ext uri="{FF2B5EF4-FFF2-40B4-BE49-F238E27FC236}">
                <a16:creationId xmlns:a16="http://schemas.microsoft.com/office/drawing/2014/main" id="{E3F97701-D418-4C0C-9A9F-8EB167A1A3B5}"/>
              </a:ext>
            </a:extLst>
          </p:cNvPr>
          <p:cNvSpPr txBox="1"/>
          <p:nvPr userDrawn="1"/>
        </p:nvSpPr>
        <p:spPr>
          <a:xfrm>
            <a:off x="4046483" y="6224378"/>
            <a:ext cx="4099035" cy="184666"/>
          </a:xfrm>
          <a:prstGeom prst="rect">
            <a:avLst/>
          </a:prstGeom>
          <a:noFill/>
        </p:spPr>
        <p:txBody>
          <a:bodyPr wrap="square" lIns="0" tIns="0" rIns="0" bIns="0" rtlCol="0">
            <a:spAutoFit/>
          </a:bodyPr>
          <a:lstStyle/>
          <a:p>
            <a:pPr algn="ctr"/>
            <a:r>
              <a:rPr lang="da-DK" sz="1200">
                <a:solidFill>
                  <a:schemeClr val="tx2"/>
                </a:solidFill>
                <a:latin typeface="Maersk Headline Light" panose="00000400000000000000" pitchFamily="50" charset="0"/>
              </a:rPr>
              <a:t>No </a:t>
            </a:r>
            <a:r>
              <a:rPr lang="da-DK" sz="1200" err="1">
                <a:solidFill>
                  <a:schemeClr val="tx2"/>
                </a:solidFill>
                <a:latin typeface="Maersk Headline Light" panose="00000400000000000000" pitchFamily="50" charset="0"/>
              </a:rPr>
              <a:t>resource</a:t>
            </a:r>
            <a:r>
              <a:rPr lang="da-DK" sz="1200">
                <a:solidFill>
                  <a:schemeClr val="tx2"/>
                </a:solidFill>
                <a:latin typeface="Maersk Headline Light" panose="00000400000000000000" pitchFamily="50" charset="0"/>
              </a:rPr>
              <a:t> </a:t>
            </a:r>
            <a:r>
              <a:rPr lang="da-DK" sz="1200" err="1">
                <a:solidFill>
                  <a:schemeClr val="tx2"/>
                </a:solidFill>
                <a:latin typeface="Maersk Headline Light" panose="00000400000000000000" pitchFamily="50" charset="0"/>
              </a:rPr>
              <a:t>wasted</a:t>
            </a:r>
            <a:endParaRPr lang="da-DK" sz="1200">
              <a:solidFill>
                <a:schemeClr val="tx2"/>
              </a:solidFill>
              <a:latin typeface="Maersk Headline Light" panose="00000400000000000000" pitchFamily="50" charset="0"/>
            </a:endParaRPr>
          </a:p>
        </p:txBody>
      </p:sp>
    </p:spTree>
    <p:extLst>
      <p:ext uri="{BB962C8B-B14F-4D97-AF65-F5344CB8AC3E}">
        <p14:creationId xmlns:p14="http://schemas.microsoft.com/office/powerpoint/2010/main" val="192270054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Highlight messag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A5975426-E16F-4D12-98B6-8FE2A0F7895B}"/>
              </a:ext>
            </a:extLst>
          </p:cNvPr>
          <p:cNvSpPr/>
          <p:nvPr userDrawn="1"/>
        </p:nvSpPr>
        <p:spPr>
          <a:xfrm>
            <a:off x="0" y="0"/>
            <a:ext cx="12190476" cy="6858000"/>
          </a:xfrm>
          <a:prstGeom prst="rect">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GB" sz="2000" noProof="0" err="1"/>
          </a:p>
        </p:txBody>
      </p:sp>
      <p:sp>
        <p:nvSpPr>
          <p:cNvPr id="2" name="Title 1"/>
          <p:cNvSpPr>
            <a:spLocks noGrp="1"/>
          </p:cNvSpPr>
          <p:nvPr>
            <p:ph type="title" hasCustomPrompt="1"/>
          </p:nvPr>
        </p:nvSpPr>
        <p:spPr>
          <a:xfrm>
            <a:off x="500064" y="412442"/>
            <a:ext cx="11190286" cy="719138"/>
          </a:xfrm>
        </p:spPr>
        <p:txBody>
          <a:bodyPr/>
          <a:lstStyle>
            <a:lvl1pPr>
              <a:defRPr sz="2400">
                <a:solidFill>
                  <a:schemeClr val="bg2"/>
                </a:solidFill>
              </a:defRPr>
            </a:lvl1pPr>
          </a:lstStyle>
          <a:p>
            <a:r>
              <a:rPr lang="en-GB" noProof="0"/>
              <a:t>Click to add title</a:t>
            </a:r>
          </a:p>
        </p:txBody>
      </p:sp>
      <p:sp>
        <p:nvSpPr>
          <p:cNvPr id="12" name="Text Placeholder 2">
            <a:extLst>
              <a:ext uri="{FF2B5EF4-FFF2-40B4-BE49-F238E27FC236}">
                <a16:creationId xmlns:a16="http://schemas.microsoft.com/office/drawing/2014/main" id="{C5027FDC-6FFF-4553-A164-9D1EA73663FE}"/>
              </a:ext>
            </a:extLst>
          </p:cNvPr>
          <p:cNvSpPr>
            <a:spLocks noGrp="1"/>
          </p:cNvSpPr>
          <p:nvPr>
            <p:ph type="body" sz="quarter" idx="19" hasCustomPrompt="1"/>
          </p:nvPr>
        </p:nvSpPr>
        <p:spPr>
          <a:xfrm>
            <a:off x="323386" y="1885949"/>
            <a:ext cx="6615577" cy="2768601"/>
          </a:xfrm>
        </p:spPr>
        <p:txBody>
          <a:bodyPr/>
          <a:lstStyle>
            <a:lvl1pPr marL="0" indent="0">
              <a:buNone/>
              <a:defRPr lang="en-US" sz="23000" kern="1200" dirty="0" smtClean="0">
                <a:solidFill>
                  <a:schemeClr val="accent2"/>
                </a:solidFill>
                <a:latin typeface="+mj-lt"/>
                <a:ea typeface="+mn-ea"/>
                <a:cs typeface="+mn-cs"/>
              </a:defRPr>
            </a:lvl1pPr>
          </a:lstStyle>
          <a:p>
            <a:pPr lvl="0"/>
            <a:r>
              <a:rPr lang="en-GB"/>
              <a:t>62%</a:t>
            </a:r>
          </a:p>
        </p:txBody>
      </p:sp>
      <p:sp>
        <p:nvSpPr>
          <p:cNvPr id="14" name="Text Placeholder 3">
            <a:extLst>
              <a:ext uri="{FF2B5EF4-FFF2-40B4-BE49-F238E27FC236}">
                <a16:creationId xmlns:a16="http://schemas.microsoft.com/office/drawing/2014/main" id="{7049ABFC-94E9-40A1-97A7-B001CEAD3292}"/>
              </a:ext>
            </a:extLst>
          </p:cNvPr>
          <p:cNvSpPr>
            <a:spLocks noGrp="1"/>
          </p:cNvSpPr>
          <p:nvPr>
            <p:ph type="body" sz="quarter" idx="20" hasCustomPrompt="1"/>
          </p:nvPr>
        </p:nvSpPr>
        <p:spPr>
          <a:xfrm>
            <a:off x="4314825" y="4839629"/>
            <a:ext cx="7375525" cy="900000"/>
          </a:xfrm>
        </p:spPr>
        <p:txBody>
          <a:bodyPr/>
          <a:lstStyle>
            <a:lvl1pPr marL="0" marR="0" indent="0" algn="l"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lang="en-US" sz="3000" i="0" kern="1200" dirty="0" smtClean="0">
                <a:solidFill>
                  <a:schemeClr val="tx1"/>
                </a:solidFill>
                <a:latin typeface="Maersk Text Office Light" panose="00000400000000000000" pitchFamily="2" charset="0"/>
                <a:ea typeface="+mn-ea"/>
                <a:cs typeface="+mn-cs"/>
              </a:defRPr>
            </a:lvl1pPr>
          </a:lstStyle>
          <a:p>
            <a:pPr marL="0" marR="0" lvl="0" indent="0" algn="l"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a:pPr>
            <a:r>
              <a:rPr lang="en-GB" noProof="0"/>
              <a:t>Click to add </a:t>
            </a:r>
            <a:r>
              <a:rPr lang="en-GB"/>
              <a:t>text</a:t>
            </a:r>
          </a:p>
        </p:txBody>
      </p:sp>
      <p:sp>
        <p:nvSpPr>
          <p:cNvPr id="9" name="Slide Number Placeholder 8">
            <a:extLst>
              <a:ext uri="{FF2B5EF4-FFF2-40B4-BE49-F238E27FC236}">
                <a16:creationId xmlns:a16="http://schemas.microsoft.com/office/drawing/2014/main" id="{DDAB2A36-6220-480C-B58F-CFF0A15787CF}"/>
              </a:ext>
            </a:extLst>
          </p:cNvPr>
          <p:cNvSpPr>
            <a:spLocks noGrp="1"/>
          </p:cNvSpPr>
          <p:nvPr>
            <p:ph type="sldNum" sz="quarter" idx="17"/>
          </p:nvPr>
        </p:nvSpPr>
        <p:spPr/>
        <p:txBody>
          <a:bodyPr/>
          <a:lstStyle>
            <a:lvl1pPr>
              <a:defRPr>
                <a:solidFill>
                  <a:schemeClr val="bg1"/>
                </a:solidFill>
              </a:defRPr>
            </a:lvl1pPr>
          </a:lstStyle>
          <a:p>
            <a:fld id="{43A204BC-C5BA-4EF4-ABC8-D45123A0C528}" type="slidenum">
              <a:rPr lang="en-GB" smtClean="0"/>
              <a:pPr/>
              <a:t>‹#›</a:t>
            </a:fld>
            <a:endParaRPr lang="en-GB"/>
          </a:p>
        </p:txBody>
      </p:sp>
      <p:sp>
        <p:nvSpPr>
          <p:cNvPr id="6" name="Date Placeholder 5" hidden="1">
            <a:extLst>
              <a:ext uri="{FF2B5EF4-FFF2-40B4-BE49-F238E27FC236}">
                <a16:creationId xmlns:a16="http://schemas.microsoft.com/office/drawing/2014/main" id="{BC8FE318-906F-4EA5-9B25-B9CA26679122}"/>
              </a:ext>
            </a:extLst>
          </p:cNvPr>
          <p:cNvSpPr>
            <a:spLocks noGrp="1"/>
          </p:cNvSpPr>
          <p:nvPr>
            <p:ph type="dt" sz="half" idx="15"/>
          </p:nvPr>
        </p:nvSpPr>
        <p:spPr/>
        <p:txBody>
          <a:bodyPr/>
          <a:lstStyle/>
          <a:p>
            <a:endParaRPr lang="en-GB"/>
          </a:p>
        </p:txBody>
      </p:sp>
      <p:sp>
        <p:nvSpPr>
          <p:cNvPr id="10" name="Logo Placeholder 9">
            <a:extLst>
              <a:ext uri="{FF2B5EF4-FFF2-40B4-BE49-F238E27FC236}">
                <a16:creationId xmlns:a16="http://schemas.microsoft.com/office/drawing/2014/main" id="{4EA1DEC3-D58C-4C90-898B-A5CA4B7C3D31}"/>
              </a:ext>
            </a:extLst>
          </p:cNvPr>
          <p:cNvSpPr>
            <a:spLocks noGrp="1"/>
          </p:cNvSpPr>
          <p:nvPr>
            <p:ph type="body" sz="quarter" idx="14" hasCustomPrompt="1"/>
          </p:nvPr>
        </p:nvSpPr>
        <p:spPr>
          <a:xfrm>
            <a:off x="10313965" y="5975285"/>
            <a:ext cx="1885918" cy="890598"/>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p>
        </p:txBody>
      </p:sp>
      <p:sp>
        <p:nvSpPr>
          <p:cNvPr id="13" name="TextBox 12">
            <a:extLst>
              <a:ext uri="{FF2B5EF4-FFF2-40B4-BE49-F238E27FC236}">
                <a16:creationId xmlns:a16="http://schemas.microsoft.com/office/drawing/2014/main" id="{FFFC0075-57CE-4E74-AF39-E6CC751C06F5}"/>
              </a:ext>
            </a:extLst>
          </p:cNvPr>
          <p:cNvSpPr txBox="1"/>
          <p:nvPr userDrawn="1"/>
        </p:nvSpPr>
        <p:spPr>
          <a:xfrm>
            <a:off x="4046483" y="6224378"/>
            <a:ext cx="4099035" cy="184666"/>
          </a:xfrm>
          <a:prstGeom prst="rect">
            <a:avLst/>
          </a:prstGeom>
          <a:noFill/>
        </p:spPr>
        <p:txBody>
          <a:bodyPr wrap="square" lIns="0" tIns="0" rIns="0" bIns="0" rtlCol="0">
            <a:spAutoFit/>
          </a:bodyPr>
          <a:lstStyle/>
          <a:p>
            <a:pPr algn="ctr"/>
            <a:r>
              <a:rPr lang="da-DK" sz="1200">
                <a:solidFill>
                  <a:schemeClr val="tx2"/>
                </a:solidFill>
                <a:latin typeface="Maersk Headline Light" panose="00000400000000000000" pitchFamily="50" charset="0"/>
              </a:rPr>
              <a:t>No </a:t>
            </a:r>
            <a:r>
              <a:rPr lang="da-DK" sz="1200" err="1">
                <a:solidFill>
                  <a:schemeClr val="tx2"/>
                </a:solidFill>
                <a:latin typeface="Maersk Headline Light" panose="00000400000000000000" pitchFamily="50" charset="0"/>
              </a:rPr>
              <a:t>resource</a:t>
            </a:r>
            <a:r>
              <a:rPr lang="da-DK" sz="1200">
                <a:solidFill>
                  <a:schemeClr val="tx2"/>
                </a:solidFill>
                <a:latin typeface="Maersk Headline Light" panose="00000400000000000000" pitchFamily="50" charset="0"/>
              </a:rPr>
              <a:t> </a:t>
            </a:r>
            <a:r>
              <a:rPr lang="da-DK" sz="1200" err="1">
                <a:solidFill>
                  <a:schemeClr val="tx2"/>
                </a:solidFill>
                <a:latin typeface="Maersk Headline Light" panose="00000400000000000000" pitchFamily="50" charset="0"/>
              </a:rPr>
              <a:t>wasted</a:t>
            </a:r>
            <a:endParaRPr lang="da-DK" sz="1200">
              <a:solidFill>
                <a:schemeClr val="tx2"/>
              </a:solidFill>
              <a:latin typeface="Maersk Headline Light" panose="00000400000000000000" pitchFamily="50" charset="0"/>
            </a:endParaRPr>
          </a:p>
        </p:txBody>
      </p:sp>
    </p:spTree>
    <p:extLst>
      <p:ext uri="{BB962C8B-B14F-4D97-AF65-F5344CB8AC3E}">
        <p14:creationId xmlns:p14="http://schemas.microsoft.com/office/powerpoint/2010/main" val="150956166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Several text boxes">
    <p:spTree>
      <p:nvGrpSpPr>
        <p:cNvPr id="1" name=""/>
        <p:cNvGrpSpPr/>
        <p:nvPr/>
      </p:nvGrpSpPr>
      <p:grpSpPr>
        <a:xfrm>
          <a:off x="0" y="0"/>
          <a:ext cx="0" cy="0"/>
          <a:chOff x="0" y="0"/>
          <a:chExt cx="0" cy="0"/>
        </a:xfrm>
      </p:grpSpPr>
      <p:sp>
        <p:nvSpPr>
          <p:cNvPr id="10" name="Title 1">
            <a:extLst>
              <a:ext uri="{FF2B5EF4-FFF2-40B4-BE49-F238E27FC236}">
                <a16:creationId xmlns:a16="http://schemas.microsoft.com/office/drawing/2014/main" id="{96536757-24D6-4CE3-BC82-E594F5B33A4A}"/>
              </a:ext>
            </a:extLst>
          </p:cNvPr>
          <p:cNvSpPr>
            <a:spLocks noGrp="1"/>
          </p:cNvSpPr>
          <p:nvPr>
            <p:ph type="title" hasCustomPrompt="1"/>
          </p:nvPr>
        </p:nvSpPr>
        <p:spPr/>
        <p:txBody>
          <a:bodyPr/>
          <a:lstStyle>
            <a:lvl1pPr>
              <a:defRPr>
                <a:solidFill>
                  <a:schemeClr val="bg2"/>
                </a:solidFill>
              </a:defRPr>
            </a:lvl1pPr>
          </a:lstStyle>
          <a:p>
            <a:r>
              <a:rPr lang="en-US"/>
              <a:t>Click to add title</a:t>
            </a:r>
            <a:endParaRPr lang="en-GB"/>
          </a:p>
        </p:txBody>
      </p:sp>
      <p:sp>
        <p:nvSpPr>
          <p:cNvPr id="9" name="Text Placeholder 2">
            <a:extLst>
              <a:ext uri="{FF2B5EF4-FFF2-40B4-BE49-F238E27FC236}">
                <a16:creationId xmlns:a16="http://schemas.microsoft.com/office/drawing/2014/main" id="{6EEC2DAD-CD0D-4A12-B275-257EC3F16D2C}"/>
              </a:ext>
            </a:extLst>
          </p:cNvPr>
          <p:cNvSpPr>
            <a:spLocks noGrp="1"/>
          </p:cNvSpPr>
          <p:nvPr>
            <p:ph type="body" sz="quarter" idx="22" hasCustomPrompt="1"/>
          </p:nvPr>
        </p:nvSpPr>
        <p:spPr>
          <a:xfrm>
            <a:off x="500063" y="1527717"/>
            <a:ext cx="5484812" cy="1494262"/>
          </a:xfrm>
        </p:spPr>
        <p:txBody>
          <a:bodyPr/>
          <a:lstStyle>
            <a:lvl1pPr marL="0" indent="0">
              <a:buFont typeface="Arial" panose="020B0604020202020204" pitchFamily="34" charset="0"/>
              <a:buChar char="​"/>
              <a:defRPr sz="1100" b="1">
                <a:solidFill>
                  <a:schemeClr val="accent2"/>
                </a:solidFill>
              </a:defRPr>
            </a:lvl1pPr>
            <a:lvl2pPr marL="180000" indent="-180000">
              <a:spcBef>
                <a:spcPts val="0"/>
              </a:spcBef>
              <a:buClr>
                <a:schemeClr val="accent2"/>
              </a:buClr>
              <a:buFont typeface="Arial" panose="020B0604020202020204" pitchFamily="34" charset="0"/>
              <a:buChar char="•"/>
              <a:defRPr sz="1100" b="0">
                <a:solidFill>
                  <a:schemeClr val="tx1"/>
                </a:solidFill>
              </a:defRPr>
            </a:lvl2pPr>
            <a:lvl3pPr marL="360000">
              <a:spcBef>
                <a:spcPts val="0"/>
              </a:spcBef>
              <a:buClr>
                <a:schemeClr val="accent2"/>
              </a:buClr>
              <a:defRPr>
                <a:solidFill>
                  <a:schemeClr val="tx1"/>
                </a:solidFill>
              </a:defRPr>
            </a:lvl3pPr>
            <a:lvl4pPr>
              <a:defRPr>
                <a:solidFill>
                  <a:schemeClr val="accent2"/>
                </a:solidFill>
              </a:defRPr>
            </a:lvl4pPr>
            <a:lvl5pPr>
              <a:defRPr>
                <a:solidFill>
                  <a:schemeClr val="tx1"/>
                </a:solidFill>
              </a:defRPr>
            </a:lvl5pPr>
          </a:lstStyle>
          <a:p>
            <a:pPr lvl="0"/>
            <a:r>
              <a:rPr lang="en-GB" noProof="0"/>
              <a:t>Click to add text</a:t>
            </a:r>
            <a:endParaRPr lang="en-GB"/>
          </a:p>
          <a:p>
            <a:pPr lvl="1"/>
            <a:r>
              <a:rPr lang="en-GB"/>
              <a:t>Second level</a:t>
            </a:r>
          </a:p>
          <a:p>
            <a:pPr lvl="2"/>
            <a:r>
              <a:rPr lang="en-GB"/>
              <a:t>Third level</a:t>
            </a:r>
          </a:p>
          <a:p>
            <a:pPr lvl="3"/>
            <a:r>
              <a:rPr lang="en-GB"/>
              <a:t>Fourth level</a:t>
            </a:r>
          </a:p>
          <a:p>
            <a:pPr lvl="4"/>
            <a:r>
              <a:rPr lang="en-GB"/>
              <a:t>Fifth level</a:t>
            </a:r>
          </a:p>
        </p:txBody>
      </p:sp>
      <p:sp>
        <p:nvSpPr>
          <p:cNvPr id="31" name="Text Placeholder 3">
            <a:extLst>
              <a:ext uri="{FF2B5EF4-FFF2-40B4-BE49-F238E27FC236}">
                <a16:creationId xmlns:a16="http://schemas.microsoft.com/office/drawing/2014/main" id="{E3EA61B2-2CC5-4483-A81E-CE7D1E113515}"/>
              </a:ext>
            </a:extLst>
          </p:cNvPr>
          <p:cNvSpPr>
            <a:spLocks noGrp="1"/>
          </p:cNvSpPr>
          <p:nvPr>
            <p:ph type="body" sz="quarter" idx="23" hasCustomPrompt="1"/>
          </p:nvPr>
        </p:nvSpPr>
        <p:spPr>
          <a:xfrm>
            <a:off x="500063" y="3969115"/>
            <a:ext cx="5484812" cy="1668085"/>
          </a:xfrm>
        </p:spPr>
        <p:txBody>
          <a:bodyPr/>
          <a:lstStyle>
            <a:lvl1pPr marL="0" indent="0">
              <a:buFont typeface="Arial" panose="020B0604020202020204" pitchFamily="34" charset="0"/>
              <a:buChar char="​"/>
              <a:defRPr sz="1100" b="1">
                <a:solidFill>
                  <a:schemeClr val="accent2"/>
                </a:solidFill>
              </a:defRPr>
            </a:lvl1pPr>
            <a:lvl2pPr marL="180000" indent="-180000">
              <a:spcBef>
                <a:spcPts val="0"/>
              </a:spcBef>
              <a:buClr>
                <a:schemeClr val="accent2"/>
              </a:buClr>
              <a:buFont typeface="Arial" panose="020B0604020202020204" pitchFamily="34" charset="0"/>
              <a:buChar char="•"/>
              <a:defRPr sz="1100" b="0">
                <a:solidFill>
                  <a:schemeClr val="tx1"/>
                </a:solidFill>
              </a:defRPr>
            </a:lvl2pPr>
            <a:lvl3pPr marL="360000">
              <a:buClr>
                <a:schemeClr val="accent2"/>
              </a:buClr>
              <a:defRPr>
                <a:solidFill>
                  <a:schemeClr val="tx1"/>
                </a:solidFill>
              </a:defRPr>
            </a:lvl3pPr>
            <a:lvl4pPr>
              <a:defRPr>
                <a:solidFill>
                  <a:schemeClr val="accent2"/>
                </a:solidFill>
              </a:defRPr>
            </a:lvl4pPr>
            <a:lvl5pPr>
              <a:defRPr>
                <a:solidFill>
                  <a:schemeClr val="tx1"/>
                </a:solidFill>
              </a:defRPr>
            </a:lvl5pPr>
          </a:lstStyle>
          <a:p>
            <a:pPr lvl="0"/>
            <a:r>
              <a:rPr lang="en-GB" noProof="0"/>
              <a:t>Click to add text</a:t>
            </a:r>
          </a:p>
          <a:p>
            <a:pPr lvl="1"/>
            <a:r>
              <a:rPr lang="en-GB" noProof="0"/>
              <a:t>2</a:t>
            </a:r>
          </a:p>
          <a:p>
            <a:pPr lvl="2"/>
            <a:r>
              <a:rPr lang="en-GB" noProof="0"/>
              <a:t>3</a:t>
            </a:r>
          </a:p>
          <a:p>
            <a:pPr lvl="3"/>
            <a:r>
              <a:rPr lang="en-GB" noProof="0"/>
              <a:t>4</a:t>
            </a:r>
          </a:p>
          <a:p>
            <a:pPr lvl="4"/>
            <a:r>
              <a:rPr lang="en-GB" noProof="0"/>
              <a:t>5</a:t>
            </a:r>
          </a:p>
          <a:p>
            <a:pPr lvl="5"/>
            <a:r>
              <a:rPr lang="en-GB" noProof="0"/>
              <a:t>6</a:t>
            </a:r>
            <a:endParaRPr lang="en-GB"/>
          </a:p>
        </p:txBody>
      </p:sp>
      <p:sp>
        <p:nvSpPr>
          <p:cNvPr id="4" name="Content Placeholder 4">
            <a:extLst>
              <a:ext uri="{FF2B5EF4-FFF2-40B4-BE49-F238E27FC236}">
                <a16:creationId xmlns:a16="http://schemas.microsoft.com/office/drawing/2014/main" id="{25700A65-5A8D-4928-8A10-F9DB7E931F98}"/>
              </a:ext>
            </a:extLst>
          </p:cNvPr>
          <p:cNvSpPr>
            <a:spLocks noGrp="1"/>
          </p:cNvSpPr>
          <p:nvPr>
            <p:ph sz="quarter" idx="25" hasCustomPrompt="1"/>
          </p:nvPr>
        </p:nvSpPr>
        <p:spPr>
          <a:xfrm>
            <a:off x="6225806" y="1527717"/>
            <a:ext cx="5467350" cy="2637883"/>
          </a:xfrm>
        </p:spPr>
        <p:txBody>
          <a:bodyPr tIns="72000"/>
          <a:lstStyle>
            <a:lvl1pPr>
              <a:buClr>
                <a:schemeClr val="accent2"/>
              </a:buClr>
              <a:defRPr sz="1100">
                <a:solidFill>
                  <a:schemeClr val="tx1"/>
                </a:solidFill>
              </a:defRPr>
            </a:lvl1pPr>
            <a:lvl2pPr>
              <a:buClr>
                <a:schemeClr val="accent2"/>
              </a:buClr>
              <a:defRPr sz="1100">
                <a:solidFill>
                  <a:schemeClr val="tx1"/>
                </a:solidFill>
              </a:defRPr>
            </a:lvl2pPr>
            <a:lvl3pPr>
              <a:buClr>
                <a:schemeClr val="accent2"/>
              </a:buClr>
              <a:defRPr sz="1100">
                <a:solidFill>
                  <a:schemeClr val="tx1"/>
                </a:solidFill>
              </a:defRPr>
            </a:lvl3pPr>
            <a:lvl4pPr>
              <a:defRPr>
                <a:solidFill>
                  <a:schemeClr val="accent2"/>
                </a:solidFill>
              </a:defRPr>
            </a:lvl4pPr>
            <a:lvl5pPr>
              <a:defRPr>
                <a:solidFill>
                  <a:schemeClr val="tx1"/>
                </a:solidFill>
              </a:defRPr>
            </a:lvl5pPr>
          </a:lstStyle>
          <a:p>
            <a:pPr lvl="0"/>
            <a:r>
              <a:rPr lang="en-GB" noProof="0"/>
              <a:t>Click to add text</a:t>
            </a:r>
            <a:endParaRPr lang="en-GB"/>
          </a:p>
          <a:p>
            <a:pPr lvl="1"/>
            <a:r>
              <a:rPr lang="en-GB"/>
              <a:t>Second level</a:t>
            </a:r>
          </a:p>
          <a:p>
            <a:pPr lvl="2"/>
            <a:r>
              <a:rPr lang="en-GB"/>
              <a:t>Third level</a:t>
            </a:r>
          </a:p>
          <a:p>
            <a:pPr lvl="3"/>
            <a:r>
              <a:rPr lang="en-GB"/>
              <a:t>Fourth level</a:t>
            </a:r>
          </a:p>
          <a:p>
            <a:pPr lvl="4"/>
            <a:r>
              <a:rPr lang="en-GB"/>
              <a:t>Fifth level</a:t>
            </a:r>
          </a:p>
        </p:txBody>
      </p:sp>
      <p:sp>
        <p:nvSpPr>
          <p:cNvPr id="33" name="Text Placeholder 5">
            <a:extLst>
              <a:ext uri="{FF2B5EF4-FFF2-40B4-BE49-F238E27FC236}">
                <a16:creationId xmlns:a16="http://schemas.microsoft.com/office/drawing/2014/main" id="{A2424BA5-C278-45AB-B9F5-B85D4A3A86B9}"/>
              </a:ext>
            </a:extLst>
          </p:cNvPr>
          <p:cNvSpPr>
            <a:spLocks noGrp="1"/>
          </p:cNvSpPr>
          <p:nvPr>
            <p:ph type="body" sz="quarter" idx="24" hasCustomPrompt="1"/>
          </p:nvPr>
        </p:nvSpPr>
        <p:spPr>
          <a:xfrm>
            <a:off x="6222999" y="4654550"/>
            <a:ext cx="4532313" cy="982663"/>
          </a:xfrm>
        </p:spPr>
        <p:txBody>
          <a:bodyPr tIns="0" numCol="2" spcCol="180000"/>
          <a:lstStyle>
            <a:lvl1pPr marL="0" indent="0">
              <a:spcAft>
                <a:spcPts val="0"/>
              </a:spcAft>
              <a:buClrTx/>
              <a:buFont typeface="Arial" panose="020B0604020202020204" pitchFamily="34" charset="0"/>
              <a:buChar char="​"/>
              <a:defRPr sz="1100" b="1">
                <a:solidFill>
                  <a:schemeClr val="accent2"/>
                </a:solidFill>
              </a:defRPr>
            </a:lvl1pPr>
            <a:lvl2pPr marL="0" indent="0">
              <a:lnSpc>
                <a:spcPct val="110000"/>
              </a:lnSpc>
              <a:spcBef>
                <a:spcPts val="0"/>
              </a:spcBef>
              <a:spcAft>
                <a:spcPts val="0"/>
              </a:spcAft>
              <a:buFont typeface="Arial" panose="020B0604020202020204" pitchFamily="34" charset="0"/>
              <a:buChar char="​"/>
              <a:defRPr sz="1100">
                <a:solidFill>
                  <a:srgbClr val="878787"/>
                </a:solidFill>
              </a:defRPr>
            </a:lvl2pPr>
            <a:lvl3pPr marL="180000">
              <a:lnSpc>
                <a:spcPct val="110000"/>
              </a:lnSpc>
              <a:spcBef>
                <a:spcPts val="0"/>
              </a:spcBef>
              <a:spcAft>
                <a:spcPts val="0"/>
              </a:spcAft>
              <a:buClr>
                <a:schemeClr val="accent2"/>
              </a:buClr>
              <a:defRPr sz="1100">
                <a:solidFill>
                  <a:srgbClr val="878787"/>
                </a:solidFill>
              </a:defRPr>
            </a:lvl3pPr>
            <a:lvl4pPr>
              <a:defRPr>
                <a:solidFill>
                  <a:schemeClr val="accent2"/>
                </a:solidFill>
              </a:defRPr>
            </a:lvl4pPr>
          </a:lstStyle>
          <a:p>
            <a:pPr lvl="0"/>
            <a:r>
              <a:rPr lang="en-GB" noProof="0"/>
              <a:t>Click to add text</a:t>
            </a:r>
          </a:p>
          <a:p>
            <a:pPr lvl="1"/>
            <a:r>
              <a:rPr lang="en-GB" noProof="0"/>
              <a:t>1</a:t>
            </a:r>
          </a:p>
          <a:p>
            <a:pPr lvl="2"/>
            <a:r>
              <a:rPr lang="en-GB" noProof="0"/>
              <a:t>2</a:t>
            </a:r>
          </a:p>
          <a:p>
            <a:pPr lvl="3"/>
            <a:r>
              <a:rPr lang="en-GB" noProof="0"/>
              <a:t>3</a:t>
            </a:r>
            <a:endParaRPr lang="en-GB"/>
          </a:p>
        </p:txBody>
      </p:sp>
      <p:cxnSp>
        <p:nvCxnSpPr>
          <p:cNvPr id="27" name="Straight Connector 1">
            <a:extLst>
              <a:ext uri="{FF2B5EF4-FFF2-40B4-BE49-F238E27FC236}">
                <a16:creationId xmlns:a16="http://schemas.microsoft.com/office/drawing/2014/main" id="{7096DEC8-77C9-4DD3-9025-ECDC80F2146B}"/>
              </a:ext>
            </a:extLst>
          </p:cNvPr>
          <p:cNvCxnSpPr/>
          <p:nvPr userDrawn="1"/>
        </p:nvCxnSpPr>
        <p:spPr>
          <a:xfrm>
            <a:off x="500064" y="3537613"/>
            <a:ext cx="5484811" cy="0"/>
          </a:xfrm>
          <a:prstGeom prst="line">
            <a:avLst/>
          </a:prstGeom>
          <a:ln w="12700">
            <a:solidFill>
              <a:schemeClr val="accent2"/>
            </a:solidFill>
          </a:ln>
        </p:spPr>
        <p:style>
          <a:lnRef idx="1">
            <a:schemeClr val="accent1"/>
          </a:lnRef>
          <a:fillRef idx="0">
            <a:schemeClr val="accent1"/>
          </a:fillRef>
          <a:effectRef idx="0">
            <a:schemeClr val="accent1"/>
          </a:effectRef>
          <a:fontRef idx="minor">
            <a:schemeClr val="tx1"/>
          </a:fontRef>
        </p:style>
      </p:cxnSp>
      <p:cxnSp>
        <p:nvCxnSpPr>
          <p:cNvPr id="26" name="Straight Connector 2">
            <a:extLst>
              <a:ext uri="{FF2B5EF4-FFF2-40B4-BE49-F238E27FC236}">
                <a16:creationId xmlns:a16="http://schemas.microsoft.com/office/drawing/2014/main" id="{EA90E9CF-510E-4225-A3BB-91F013987BD5}"/>
              </a:ext>
            </a:extLst>
          </p:cNvPr>
          <p:cNvCxnSpPr/>
          <p:nvPr userDrawn="1"/>
        </p:nvCxnSpPr>
        <p:spPr>
          <a:xfrm>
            <a:off x="6225806" y="1527717"/>
            <a:ext cx="5468400" cy="0"/>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cxnSp>
        <p:nvCxnSpPr>
          <p:cNvPr id="12" name="Straight Connector 3">
            <a:extLst>
              <a:ext uri="{FF2B5EF4-FFF2-40B4-BE49-F238E27FC236}">
                <a16:creationId xmlns:a16="http://schemas.microsoft.com/office/drawing/2014/main" id="{CA039D30-14CC-454E-9DA1-C777E3C44776}"/>
              </a:ext>
            </a:extLst>
          </p:cNvPr>
          <p:cNvCxnSpPr/>
          <p:nvPr userDrawn="1"/>
        </p:nvCxnSpPr>
        <p:spPr>
          <a:xfrm>
            <a:off x="6225806" y="4400550"/>
            <a:ext cx="5468400" cy="0"/>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sp>
        <p:nvSpPr>
          <p:cNvPr id="2" name="Date Placeholder 1" hidden="1">
            <a:extLst>
              <a:ext uri="{FF2B5EF4-FFF2-40B4-BE49-F238E27FC236}">
                <a16:creationId xmlns:a16="http://schemas.microsoft.com/office/drawing/2014/main" id="{2C382236-11EE-4251-B331-C34A1F0BC3C7}"/>
              </a:ext>
            </a:extLst>
          </p:cNvPr>
          <p:cNvSpPr>
            <a:spLocks noGrp="1"/>
          </p:cNvSpPr>
          <p:nvPr>
            <p:ph type="dt" sz="half" idx="26"/>
          </p:nvPr>
        </p:nvSpPr>
        <p:spPr/>
        <p:txBody>
          <a:bodyPr/>
          <a:lstStyle/>
          <a:p>
            <a:endParaRPr lang="en-GB"/>
          </a:p>
        </p:txBody>
      </p:sp>
      <p:sp>
        <p:nvSpPr>
          <p:cNvPr id="8" name="Slide Number Placeholder 7">
            <a:extLst>
              <a:ext uri="{FF2B5EF4-FFF2-40B4-BE49-F238E27FC236}">
                <a16:creationId xmlns:a16="http://schemas.microsoft.com/office/drawing/2014/main" id="{7D00A7CC-3278-4F1E-AD5C-F27447EEAE98}"/>
              </a:ext>
            </a:extLst>
          </p:cNvPr>
          <p:cNvSpPr>
            <a:spLocks noGrp="1"/>
          </p:cNvSpPr>
          <p:nvPr>
            <p:ph type="sldNum" sz="quarter" idx="28"/>
          </p:nvPr>
        </p:nvSpPr>
        <p:spPr/>
        <p:txBody>
          <a:bodyPr/>
          <a:lstStyle/>
          <a:p>
            <a:fld id="{43A204BC-C5BA-4EF4-ABC8-D45123A0C528}" type="slidenum">
              <a:rPr lang="en-GB" smtClean="0"/>
              <a:pPr/>
              <a:t>‹#›</a:t>
            </a:fld>
            <a:endParaRPr lang="en-GB"/>
          </a:p>
        </p:txBody>
      </p:sp>
      <p:sp>
        <p:nvSpPr>
          <p:cNvPr id="13" name="TextBox 12">
            <a:extLst>
              <a:ext uri="{FF2B5EF4-FFF2-40B4-BE49-F238E27FC236}">
                <a16:creationId xmlns:a16="http://schemas.microsoft.com/office/drawing/2014/main" id="{5CB0C9F4-7266-439A-8D2D-79B6D2AA46F9}"/>
              </a:ext>
            </a:extLst>
          </p:cNvPr>
          <p:cNvSpPr txBox="1"/>
          <p:nvPr userDrawn="1"/>
        </p:nvSpPr>
        <p:spPr>
          <a:xfrm>
            <a:off x="4046483" y="6224378"/>
            <a:ext cx="4099035" cy="184666"/>
          </a:xfrm>
          <a:prstGeom prst="rect">
            <a:avLst/>
          </a:prstGeom>
          <a:noFill/>
        </p:spPr>
        <p:txBody>
          <a:bodyPr wrap="square" lIns="0" tIns="0" rIns="0" bIns="0" rtlCol="0">
            <a:spAutoFit/>
          </a:bodyPr>
          <a:lstStyle/>
          <a:p>
            <a:pPr algn="ctr"/>
            <a:r>
              <a:rPr lang="da-DK" sz="1200">
                <a:solidFill>
                  <a:schemeClr val="tx2"/>
                </a:solidFill>
                <a:latin typeface="Maersk Headline Light" panose="00000400000000000000" pitchFamily="50" charset="0"/>
              </a:rPr>
              <a:t>No </a:t>
            </a:r>
            <a:r>
              <a:rPr lang="da-DK" sz="1200" err="1">
                <a:solidFill>
                  <a:schemeClr val="tx2"/>
                </a:solidFill>
                <a:latin typeface="Maersk Headline Light" panose="00000400000000000000" pitchFamily="50" charset="0"/>
              </a:rPr>
              <a:t>resource</a:t>
            </a:r>
            <a:r>
              <a:rPr lang="da-DK" sz="1200">
                <a:solidFill>
                  <a:schemeClr val="tx2"/>
                </a:solidFill>
                <a:latin typeface="Maersk Headline Light" panose="00000400000000000000" pitchFamily="50" charset="0"/>
              </a:rPr>
              <a:t> </a:t>
            </a:r>
            <a:r>
              <a:rPr lang="da-DK" sz="1200" err="1">
                <a:solidFill>
                  <a:schemeClr val="tx2"/>
                </a:solidFill>
                <a:latin typeface="Maersk Headline Light" panose="00000400000000000000" pitchFamily="50" charset="0"/>
              </a:rPr>
              <a:t>wasted</a:t>
            </a:r>
            <a:endParaRPr lang="da-DK" sz="1200">
              <a:solidFill>
                <a:schemeClr val="tx2"/>
              </a:solidFill>
              <a:latin typeface="Maersk Headline Light" panose="00000400000000000000" pitchFamily="50" charset="0"/>
            </a:endParaRPr>
          </a:p>
        </p:txBody>
      </p:sp>
    </p:spTree>
    <p:extLst>
      <p:ext uri="{BB962C8B-B14F-4D97-AF65-F5344CB8AC3E}">
        <p14:creationId xmlns:p14="http://schemas.microsoft.com/office/powerpoint/2010/main" val="264291011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ext and picture ">
    <p:spTree>
      <p:nvGrpSpPr>
        <p:cNvPr id="1" name=""/>
        <p:cNvGrpSpPr/>
        <p:nvPr/>
      </p:nvGrpSpPr>
      <p:grpSpPr>
        <a:xfrm>
          <a:off x="0" y="0"/>
          <a:ext cx="0" cy="0"/>
          <a:chOff x="0" y="0"/>
          <a:chExt cx="0" cy="0"/>
        </a:xfrm>
      </p:grpSpPr>
      <p:sp>
        <p:nvSpPr>
          <p:cNvPr id="23" name="Picture Placeholder 3"/>
          <p:cNvSpPr>
            <a:spLocks noGrp="1"/>
          </p:cNvSpPr>
          <p:nvPr>
            <p:ph type="pic" sz="quarter" idx="14" hasCustomPrompt="1"/>
          </p:nvPr>
        </p:nvSpPr>
        <p:spPr>
          <a:xfrm>
            <a:off x="8131175" y="501650"/>
            <a:ext cx="3559176" cy="5135563"/>
          </a:xfrm>
          <a:noFill/>
          <a:ln>
            <a:noFill/>
          </a:ln>
        </p:spPr>
        <p:txBody>
          <a:bodyPr tIns="72000" anchor="t" anchorCtr="0"/>
          <a:lstStyle>
            <a:lvl1pPr marL="0" marR="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sz="1200"/>
            </a:lvl1pPr>
          </a:lstStyle>
          <a:p>
            <a:pPr marL="0" marR="0" lvl="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a:pPr>
            <a:r>
              <a:rPr lang="en-GB"/>
              <a:t>Click on the icon to insert a picture</a:t>
            </a:r>
          </a:p>
        </p:txBody>
      </p:sp>
      <p:sp>
        <p:nvSpPr>
          <p:cNvPr id="8" name="Title 1">
            <a:extLst>
              <a:ext uri="{FF2B5EF4-FFF2-40B4-BE49-F238E27FC236}">
                <a16:creationId xmlns:a16="http://schemas.microsoft.com/office/drawing/2014/main" id="{E637B88C-6BF1-4846-8D23-5E4678D6149C}"/>
              </a:ext>
            </a:extLst>
          </p:cNvPr>
          <p:cNvSpPr>
            <a:spLocks noGrp="1"/>
          </p:cNvSpPr>
          <p:nvPr>
            <p:ph type="title" hasCustomPrompt="1"/>
          </p:nvPr>
        </p:nvSpPr>
        <p:spPr>
          <a:xfrm>
            <a:off x="500399" y="501650"/>
            <a:ext cx="6676689" cy="719138"/>
          </a:xfrm>
        </p:spPr>
        <p:txBody>
          <a:bodyPr/>
          <a:lstStyle>
            <a:lvl1pPr>
              <a:defRPr>
                <a:solidFill>
                  <a:schemeClr val="bg2"/>
                </a:solidFill>
              </a:defRPr>
            </a:lvl1pPr>
          </a:lstStyle>
          <a:p>
            <a:r>
              <a:rPr lang="en-GB" noProof="0"/>
              <a:t>Click to add title</a:t>
            </a:r>
            <a:endParaRPr lang="en-GB"/>
          </a:p>
        </p:txBody>
      </p:sp>
      <p:sp>
        <p:nvSpPr>
          <p:cNvPr id="9" name="Text Placeholder 2">
            <a:extLst>
              <a:ext uri="{FF2B5EF4-FFF2-40B4-BE49-F238E27FC236}">
                <a16:creationId xmlns:a16="http://schemas.microsoft.com/office/drawing/2014/main" id="{6EEC2DAD-CD0D-4A12-B275-257EC3F16D2C}"/>
              </a:ext>
            </a:extLst>
          </p:cNvPr>
          <p:cNvSpPr>
            <a:spLocks noGrp="1"/>
          </p:cNvSpPr>
          <p:nvPr>
            <p:ph type="body" sz="quarter" idx="22" hasCustomPrompt="1"/>
          </p:nvPr>
        </p:nvSpPr>
        <p:spPr>
          <a:xfrm>
            <a:off x="500063" y="2025969"/>
            <a:ext cx="4530725" cy="1467040"/>
          </a:xfrm>
        </p:spPr>
        <p:txBody>
          <a:bodyPr/>
          <a:lstStyle>
            <a:lvl1pPr>
              <a:buClr>
                <a:schemeClr val="accent2"/>
              </a:buClr>
              <a:defRPr sz="1100">
                <a:solidFill>
                  <a:schemeClr val="tx1"/>
                </a:solidFill>
              </a:defRPr>
            </a:lvl1pPr>
            <a:lvl2pPr marL="0" indent="0">
              <a:spcBef>
                <a:spcPts val="0"/>
              </a:spcBef>
              <a:buFont typeface="Arial" panose="020B0604020202020204" pitchFamily="34" charset="0"/>
              <a:buChar char="​"/>
              <a:defRPr sz="1100" b="1">
                <a:solidFill>
                  <a:schemeClr val="accent2"/>
                </a:solidFill>
              </a:defRPr>
            </a:lvl2pPr>
            <a:lvl3pPr marL="360000">
              <a:buClr>
                <a:schemeClr val="accent2"/>
              </a:buClr>
              <a:defRPr>
                <a:solidFill>
                  <a:schemeClr val="tx1"/>
                </a:solidFill>
              </a:defRPr>
            </a:lvl3pPr>
            <a:lvl4pPr>
              <a:defRPr>
                <a:solidFill>
                  <a:schemeClr val="accent2"/>
                </a:solidFill>
              </a:defRPr>
            </a:lvl4pPr>
            <a:lvl5pPr>
              <a:defRPr>
                <a:solidFill>
                  <a:schemeClr val="tx1"/>
                </a:solidFill>
              </a:defRPr>
            </a:lvl5pPr>
          </a:lstStyle>
          <a:p>
            <a:pPr lvl="0"/>
            <a:r>
              <a:rPr lang="en-GB" noProof="0"/>
              <a:t>Click to add text</a:t>
            </a:r>
            <a:endParaRPr lang="en-GB"/>
          </a:p>
          <a:p>
            <a:pPr lvl="1"/>
            <a:r>
              <a:rPr lang="en-GB"/>
              <a:t>Second level</a:t>
            </a:r>
          </a:p>
          <a:p>
            <a:pPr lvl="2"/>
            <a:r>
              <a:rPr lang="en-GB"/>
              <a:t>Third level</a:t>
            </a:r>
          </a:p>
          <a:p>
            <a:pPr lvl="3"/>
            <a:r>
              <a:rPr lang="en-GB"/>
              <a:t>Fourth level</a:t>
            </a:r>
          </a:p>
          <a:p>
            <a:pPr lvl="4"/>
            <a:r>
              <a:rPr lang="en-GB"/>
              <a:t>Fifth level</a:t>
            </a:r>
          </a:p>
        </p:txBody>
      </p:sp>
      <p:sp>
        <p:nvSpPr>
          <p:cNvPr id="31" name="Text Placeholder 3">
            <a:extLst>
              <a:ext uri="{FF2B5EF4-FFF2-40B4-BE49-F238E27FC236}">
                <a16:creationId xmlns:a16="http://schemas.microsoft.com/office/drawing/2014/main" id="{E3EA61B2-2CC5-4483-A81E-CE7D1E113515}"/>
              </a:ext>
            </a:extLst>
          </p:cNvPr>
          <p:cNvSpPr>
            <a:spLocks noGrp="1"/>
          </p:cNvSpPr>
          <p:nvPr>
            <p:ph type="body" sz="quarter" idx="23" hasCustomPrompt="1"/>
          </p:nvPr>
        </p:nvSpPr>
        <p:spPr>
          <a:xfrm>
            <a:off x="500063" y="4163499"/>
            <a:ext cx="4532400" cy="230376"/>
          </a:xfrm>
        </p:spPr>
        <p:txBody>
          <a:bodyPr/>
          <a:lstStyle>
            <a:lvl1pPr marL="0" indent="0">
              <a:buFont typeface="Arial" panose="020B0604020202020204" pitchFamily="34" charset="0"/>
              <a:buChar char="​"/>
              <a:defRPr sz="1100" b="1">
                <a:solidFill>
                  <a:schemeClr val="accent2"/>
                </a:solidFill>
              </a:defRPr>
            </a:lvl1pPr>
            <a:lvl2pPr marL="180000" indent="-180000">
              <a:spcBef>
                <a:spcPts val="0"/>
              </a:spcBef>
              <a:buFont typeface="Arial" panose="020B0604020202020204" pitchFamily="34" charset="0"/>
              <a:buChar char="•"/>
              <a:defRPr sz="1100" b="0">
                <a:solidFill>
                  <a:srgbClr val="687A86"/>
                </a:solidFill>
              </a:defRPr>
            </a:lvl2pPr>
            <a:lvl3pPr marL="360000">
              <a:defRPr>
                <a:solidFill>
                  <a:srgbClr val="687A86"/>
                </a:solidFill>
              </a:defRPr>
            </a:lvl3pPr>
            <a:lvl5pPr>
              <a:defRPr>
                <a:solidFill>
                  <a:srgbClr val="687A86"/>
                </a:solidFill>
              </a:defRPr>
            </a:lvl5pPr>
          </a:lstStyle>
          <a:p>
            <a:pPr lvl="0"/>
            <a:r>
              <a:rPr lang="en-GB" noProof="0"/>
              <a:t>Click to add text</a:t>
            </a:r>
            <a:endParaRPr lang="en-GB"/>
          </a:p>
        </p:txBody>
      </p:sp>
      <p:sp>
        <p:nvSpPr>
          <p:cNvPr id="33" name="Text Placeholder 4">
            <a:extLst>
              <a:ext uri="{FF2B5EF4-FFF2-40B4-BE49-F238E27FC236}">
                <a16:creationId xmlns:a16="http://schemas.microsoft.com/office/drawing/2014/main" id="{A2424BA5-C278-45AB-B9F5-B85D4A3A86B9}"/>
              </a:ext>
            </a:extLst>
          </p:cNvPr>
          <p:cNvSpPr>
            <a:spLocks noGrp="1"/>
          </p:cNvSpPr>
          <p:nvPr>
            <p:ph type="body" sz="quarter" idx="24" hasCustomPrompt="1"/>
          </p:nvPr>
        </p:nvSpPr>
        <p:spPr>
          <a:xfrm>
            <a:off x="500063" y="4654551"/>
            <a:ext cx="3578225" cy="876454"/>
          </a:xfrm>
        </p:spPr>
        <p:txBody>
          <a:bodyPr tIns="90000" numCol="2" spcCol="180000"/>
          <a:lstStyle>
            <a:lvl1pPr marL="198000" indent="-198000">
              <a:spcAft>
                <a:spcPts val="300"/>
              </a:spcAft>
              <a:buClrTx/>
              <a:buFont typeface="+mj-lt"/>
              <a:buAutoNum type="arabicPeriod"/>
              <a:defRPr sz="1100">
                <a:solidFill>
                  <a:srgbClr val="878787"/>
                </a:solidFill>
              </a:defRPr>
            </a:lvl1pPr>
          </a:lstStyle>
          <a:p>
            <a:pPr lvl="0"/>
            <a:r>
              <a:rPr lang="en-GB" noProof="0"/>
              <a:t>Click to add text</a:t>
            </a:r>
            <a:endParaRPr lang="en-GB"/>
          </a:p>
        </p:txBody>
      </p:sp>
      <p:cxnSp>
        <p:nvCxnSpPr>
          <p:cNvPr id="12" name="Straight Connector 1">
            <a:extLst>
              <a:ext uri="{FF2B5EF4-FFF2-40B4-BE49-F238E27FC236}">
                <a16:creationId xmlns:a16="http://schemas.microsoft.com/office/drawing/2014/main" id="{CA039D30-14CC-454E-9DA1-C777E3C44776}"/>
              </a:ext>
            </a:extLst>
          </p:cNvPr>
          <p:cNvCxnSpPr/>
          <p:nvPr userDrawn="1"/>
        </p:nvCxnSpPr>
        <p:spPr>
          <a:xfrm>
            <a:off x="500064" y="4400550"/>
            <a:ext cx="5484811" cy="0"/>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cxnSp>
        <p:nvCxnSpPr>
          <p:cNvPr id="26" name="Straight Connector 2">
            <a:extLst>
              <a:ext uri="{FF2B5EF4-FFF2-40B4-BE49-F238E27FC236}">
                <a16:creationId xmlns:a16="http://schemas.microsoft.com/office/drawing/2014/main" id="{EA3D1E53-A268-4438-A6D9-6DD6795760C6}"/>
              </a:ext>
            </a:extLst>
          </p:cNvPr>
          <p:cNvCxnSpPr/>
          <p:nvPr userDrawn="1"/>
        </p:nvCxnSpPr>
        <p:spPr>
          <a:xfrm>
            <a:off x="500064" y="5637213"/>
            <a:ext cx="5484811" cy="0"/>
          </a:xfrm>
          <a:prstGeom prst="line">
            <a:avLst/>
          </a:prstGeom>
          <a:ln w="12700">
            <a:solidFill>
              <a:srgbClr val="878787"/>
            </a:solidFill>
          </a:ln>
        </p:spPr>
        <p:style>
          <a:lnRef idx="1">
            <a:schemeClr val="accent1"/>
          </a:lnRef>
          <a:fillRef idx="0">
            <a:schemeClr val="accent1"/>
          </a:fillRef>
          <a:effectRef idx="0">
            <a:schemeClr val="accent1"/>
          </a:effectRef>
          <a:fontRef idx="minor">
            <a:schemeClr val="tx1"/>
          </a:fontRef>
        </p:style>
      </p:cxnSp>
      <p:sp>
        <p:nvSpPr>
          <p:cNvPr id="2" name="Date Placeholder 1" hidden="1">
            <a:extLst>
              <a:ext uri="{FF2B5EF4-FFF2-40B4-BE49-F238E27FC236}">
                <a16:creationId xmlns:a16="http://schemas.microsoft.com/office/drawing/2014/main" id="{83C375B8-9D52-48FF-B9DE-8BD6EEC3AB3E}"/>
              </a:ext>
            </a:extLst>
          </p:cNvPr>
          <p:cNvSpPr>
            <a:spLocks noGrp="1"/>
          </p:cNvSpPr>
          <p:nvPr>
            <p:ph type="dt" sz="half" idx="25"/>
          </p:nvPr>
        </p:nvSpPr>
        <p:spPr/>
        <p:txBody>
          <a:bodyPr/>
          <a:lstStyle/>
          <a:p>
            <a:endParaRPr lang="en-GB"/>
          </a:p>
        </p:txBody>
      </p:sp>
      <p:sp>
        <p:nvSpPr>
          <p:cNvPr id="6" name="Slide Number Placeholder 5">
            <a:extLst>
              <a:ext uri="{FF2B5EF4-FFF2-40B4-BE49-F238E27FC236}">
                <a16:creationId xmlns:a16="http://schemas.microsoft.com/office/drawing/2014/main" id="{2DEBACDB-2C17-4569-8330-7E4B0C324ABA}"/>
              </a:ext>
            </a:extLst>
          </p:cNvPr>
          <p:cNvSpPr>
            <a:spLocks noGrp="1"/>
          </p:cNvSpPr>
          <p:nvPr>
            <p:ph type="sldNum" sz="quarter" idx="27"/>
          </p:nvPr>
        </p:nvSpPr>
        <p:spPr/>
        <p:txBody>
          <a:bodyPr/>
          <a:lstStyle/>
          <a:p>
            <a:fld id="{43A204BC-C5BA-4EF4-ABC8-D45123A0C528}" type="slidenum">
              <a:rPr lang="en-GB" smtClean="0"/>
              <a:pPr/>
              <a:t>‹#›</a:t>
            </a:fld>
            <a:endParaRPr lang="en-GB"/>
          </a:p>
        </p:txBody>
      </p:sp>
      <p:sp>
        <p:nvSpPr>
          <p:cNvPr id="11" name="TextBox 10">
            <a:extLst>
              <a:ext uri="{FF2B5EF4-FFF2-40B4-BE49-F238E27FC236}">
                <a16:creationId xmlns:a16="http://schemas.microsoft.com/office/drawing/2014/main" id="{9AB9B459-BEB0-49F7-8FC4-421773A60138}"/>
              </a:ext>
            </a:extLst>
          </p:cNvPr>
          <p:cNvSpPr txBox="1"/>
          <p:nvPr userDrawn="1"/>
        </p:nvSpPr>
        <p:spPr>
          <a:xfrm>
            <a:off x="4046483" y="6224378"/>
            <a:ext cx="4099035" cy="184666"/>
          </a:xfrm>
          <a:prstGeom prst="rect">
            <a:avLst/>
          </a:prstGeom>
          <a:noFill/>
        </p:spPr>
        <p:txBody>
          <a:bodyPr wrap="square" lIns="0" tIns="0" rIns="0" bIns="0" rtlCol="0">
            <a:spAutoFit/>
          </a:bodyPr>
          <a:lstStyle/>
          <a:p>
            <a:pPr algn="ctr"/>
            <a:r>
              <a:rPr lang="da-DK" sz="1200">
                <a:solidFill>
                  <a:schemeClr val="tx2"/>
                </a:solidFill>
                <a:latin typeface="Maersk Headline Light" panose="00000400000000000000" pitchFamily="50" charset="0"/>
              </a:rPr>
              <a:t>No </a:t>
            </a:r>
            <a:r>
              <a:rPr lang="da-DK" sz="1200" err="1">
                <a:solidFill>
                  <a:schemeClr val="tx2"/>
                </a:solidFill>
                <a:latin typeface="Maersk Headline Light" panose="00000400000000000000" pitchFamily="50" charset="0"/>
              </a:rPr>
              <a:t>resource</a:t>
            </a:r>
            <a:r>
              <a:rPr lang="da-DK" sz="1200">
                <a:solidFill>
                  <a:schemeClr val="tx2"/>
                </a:solidFill>
                <a:latin typeface="Maersk Headline Light" panose="00000400000000000000" pitchFamily="50" charset="0"/>
              </a:rPr>
              <a:t> </a:t>
            </a:r>
            <a:r>
              <a:rPr lang="da-DK" sz="1200" err="1">
                <a:solidFill>
                  <a:schemeClr val="tx2"/>
                </a:solidFill>
                <a:latin typeface="Maersk Headline Light" panose="00000400000000000000" pitchFamily="50" charset="0"/>
              </a:rPr>
              <a:t>wasted</a:t>
            </a:r>
            <a:endParaRPr lang="da-DK" sz="1200">
              <a:solidFill>
                <a:schemeClr val="tx2"/>
              </a:solidFill>
              <a:latin typeface="Maersk Headline Light" panose="00000400000000000000" pitchFamily="50" charset="0"/>
            </a:endParaRPr>
          </a:p>
        </p:txBody>
      </p:sp>
    </p:spTree>
    <p:extLst>
      <p:ext uri="{BB962C8B-B14F-4D97-AF65-F5344CB8AC3E}">
        <p14:creationId xmlns:p14="http://schemas.microsoft.com/office/powerpoint/2010/main" val="322937544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2" y="3429000"/>
            <a:ext cx="10491787" cy="2208212"/>
          </a:xfrm>
        </p:spPr>
        <p:txBody>
          <a:bodyPr/>
          <a:lstStyle>
            <a:lvl1pPr>
              <a:defRPr sz="4000" b="0">
                <a:solidFill>
                  <a:schemeClr val="bg1"/>
                </a:solidFill>
                <a:latin typeface="+mj-lt"/>
              </a:defRPr>
            </a:lvl1pPr>
          </a:lstStyle>
          <a:p>
            <a:r>
              <a:rPr lang="en-GB" noProof="0"/>
              <a:t>Click to add title</a:t>
            </a:r>
          </a:p>
        </p:txBody>
      </p:sp>
      <p:sp>
        <p:nvSpPr>
          <p:cNvPr id="10" name="Slide Number Placeholder 9">
            <a:extLst>
              <a:ext uri="{FF2B5EF4-FFF2-40B4-BE49-F238E27FC236}">
                <a16:creationId xmlns:a16="http://schemas.microsoft.com/office/drawing/2014/main" id="{644E83C0-32E9-43EF-864A-C6C827731210}"/>
              </a:ext>
            </a:extLst>
          </p:cNvPr>
          <p:cNvSpPr>
            <a:spLocks noGrp="1"/>
          </p:cNvSpPr>
          <p:nvPr>
            <p:ph type="sldNum" sz="quarter" idx="17"/>
          </p:nvPr>
        </p:nvSpPr>
        <p:spPr/>
        <p:txBody>
          <a:bodyPr/>
          <a:lstStyle>
            <a:lvl1pPr>
              <a:defRPr>
                <a:solidFill>
                  <a:schemeClr val="bg1"/>
                </a:solidFill>
              </a:defRPr>
            </a:lvl1pPr>
          </a:lstStyle>
          <a:p>
            <a:fld id="{43A204BC-C5BA-4EF4-ABC8-D45123A0C528}" type="slidenum">
              <a:rPr lang="en-GB" smtClean="0"/>
              <a:pPr/>
              <a:t>‹#›</a:t>
            </a:fld>
            <a:endParaRPr lang="en-GB"/>
          </a:p>
        </p:txBody>
      </p:sp>
      <p:sp>
        <p:nvSpPr>
          <p:cNvPr id="6" name="Date Placeholder 5" hidden="1">
            <a:extLst>
              <a:ext uri="{FF2B5EF4-FFF2-40B4-BE49-F238E27FC236}">
                <a16:creationId xmlns:a16="http://schemas.microsoft.com/office/drawing/2014/main" id="{08F8CACC-6EC3-45E4-B2E4-A9916C3AA0BC}"/>
              </a:ext>
            </a:extLst>
          </p:cNvPr>
          <p:cNvSpPr>
            <a:spLocks noGrp="1"/>
          </p:cNvSpPr>
          <p:nvPr>
            <p:ph type="dt" sz="half" idx="15"/>
          </p:nvPr>
        </p:nvSpPr>
        <p:spPr/>
        <p:txBody>
          <a:bodyPr/>
          <a:lstStyle>
            <a:lvl1pPr>
              <a:defRPr>
                <a:noFill/>
              </a:defRPr>
            </a:lvl1pPr>
          </a:lstStyle>
          <a:p>
            <a:endParaRPr lang="en-GB"/>
          </a:p>
        </p:txBody>
      </p:sp>
      <p:sp>
        <p:nvSpPr>
          <p:cNvPr id="7" name="Logo Placeholder 9">
            <a:extLst>
              <a:ext uri="{FF2B5EF4-FFF2-40B4-BE49-F238E27FC236}">
                <a16:creationId xmlns:a16="http://schemas.microsoft.com/office/drawing/2014/main" id="{FD6B606C-26E3-4FAE-A973-6B4670C1F5CF}"/>
              </a:ext>
            </a:extLst>
          </p:cNvPr>
          <p:cNvSpPr>
            <a:spLocks noGrp="1"/>
          </p:cNvSpPr>
          <p:nvPr>
            <p:ph type="body" sz="quarter" idx="18" hasCustomPrompt="1"/>
          </p:nvPr>
        </p:nvSpPr>
        <p:spPr>
          <a:xfrm>
            <a:off x="10313965" y="5975285"/>
            <a:ext cx="1885918" cy="890598"/>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p>
        </p:txBody>
      </p:sp>
    </p:spTree>
    <p:extLst>
      <p:ext uri="{BB962C8B-B14F-4D97-AF65-F5344CB8AC3E}">
        <p14:creationId xmlns:p14="http://schemas.microsoft.com/office/powerpoint/2010/main" val="393695628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Breaker w. picture A">
    <p:bg>
      <p:bgPr>
        <a:solidFill>
          <a:schemeClr val="bg2"/>
        </a:solidFill>
        <a:effectLst/>
      </p:bgPr>
    </p:bg>
    <p:spTree>
      <p:nvGrpSpPr>
        <p:cNvPr id="1" name=""/>
        <p:cNvGrpSpPr/>
        <p:nvPr/>
      </p:nvGrpSpPr>
      <p:grpSpPr>
        <a:xfrm>
          <a:off x="0" y="0"/>
          <a:ext cx="0" cy="0"/>
          <a:chOff x="0" y="0"/>
          <a:chExt cx="0" cy="0"/>
        </a:xfrm>
      </p:grpSpPr>
      <p:sp>
        <p:nvSpPr>
          <p:cNvPr id="7" name="Picture Placeholder 6"/>
          <p:cNvSpPr>
            <a:spLocks noGrp="1"/>
          </p:cNvSpPr>
          <p:nvPr>
            <p:ph type="pic" sz="quarter" idx="13" hasCustomPrompt="1"/>
          </p:nvPr>
        </p:nvSpPr>
        <p:spPr>
          <a:xfrm>
            <a:off x="0" y="0"/>
            <a:ext cx="12193200" cy="6861600"/>
          </a:xfrm>
        </p:spPr>
        <p:txBody>
          <a:bodyPr tIns="72000" anchor="t" anchorCtr="0"/>
          <a:lstStyle>
            <a:lvl1pPr marL="0" marR="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sz="1200">
                <a:solidFill>
                  <a:schemeClr val="bg1"/>
                </a:solidFill>
              </a:defRPr>
            </a:lvl1pPr>
          </a:lstStyle>
          <a:p>
            <a:pPr marL="0" marR="0" lvl="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a:pPr>
            <a:r>
              <a:rPr lang="en-GB"/>
              <a:t>Click the icon to add a picture</a:t>
            </a:r>
          </a:p>
          <a:p>
            <a:pPr marL="0" marR="0" lvl="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a:pPr>
            <a:endParaRPr lang="en-GB"/>
          </a:p>
        </p:txBody>
      </p:sp>
      <p:sp>
        <p:nvSpPr>
          <p:cNvPr id="2" name="Title 1"/>
          <p:cNvSpPr>
            <a:spLocks noGrp="1"/>
          </p:cNvSpPr>
          <p:nvPr>
            <p:ph type="title" hasCustomPrompt="1"/>
          </p:nvPr>
        </p:nvSpPr>
        <p:spPr>
          <a:xfrm>
            <a:off x="500063" y="3429000"/>
            <a:ext cx="5484812" cy="2208212"/>
          </a:xfrm>
        </p:spPr>
        <p:txBody>
          <a:bodyPr/>
          <a:lstStyle>
            <a:lvl1pPr>
              <a:defRPr b="0">
                <a:solidFill>
                  <a:schemeClr val="bg1"/>
                </a:solidFill>
                <a:latin typeface="Maersk Headline Office" panose="00000500000000000000" pitchFamily="2" charset="0"/>
              </a:defRPr>
            </a:lvl1pPr>
          </a:lstStyle>
          <a:p>
            <a:r>
              <a:rPr lang="en-GB" noProof="0"/>
              <a:t>Click to add title</a:t>
            </a:r>
          </a:p>
        </p:txBody>
      </p:sp>
      <p:sp>
        <p:nvSpPr>
          <p:cNvPr id="10" name="Slide Number Placeholder 9">
            <a:extLst>
              <a:ext uri="{FF2B5EF4-FFF2-40B4-BE49-F238E27FC236}">
                <a16:creationId xmlns:a16="http://schemas.microsoft.com/office/drawing/2014/main" id="{644E83C0-32E9-43EF-864A-C6C827731210}"/>
              </a:ext>
            </a:extLst>
          </p:cNvPr>
          <p:cNvSpPr>
            <a:spLocks noGrp="1"/>
          </p:cNvSpPr>
          <p:nvPr>
            <p:ph type="sldNum" sz="quarter" idx="17"/>
          </p:nvPr>
        </p:nvSpPr>
        <p:spPr/>
        <p:txBody>
          <a:bodyPr/>
          <a:lstStyle>
            <a:lvl1pPr>
              <a:defRPr>
                <a:solidFill>
                  <a:schemeClr val="bg1"/>
                </a:solidFill>
              </a:defRPr>
            </a:lvl1pPr>
          </a:lstStyle>
          <a:p>
            <a:fld id="{43A204BC-C5BA-4EF4-ABC8-D45123A0C528}" type="slidenum">
              <a:rPr lang="en-GB" smtClean="0"/>
              <a:pPr/>
              <a:t>‹#›</a:t>
            </a:fld>
            <a:endParaRPr lang="en-GB"/>
          </a:p>
        </p:txBody>
      </p:sp>
      <p:sp>
        <p:nvSpPr>
          <p:cNvPr id="6" name="Date Placeholder 5" hidden="1">
            <a:extLst>
              <a:ext uri="{FF2B5EF4-FFF2-40B4-BE49-F238E27FC236}">
                <a16:creationId xmlns:a16="http://schemas.microsoft.com/office/drawing/2014/main" id="{08F8CACC-6EC3-45E4-B2E4-A9916C3AA0BC}"/>
              </a:ext>
            </a:extLst>
          </p:cNvPr>
          <p:cNvSpPr>
            <a:spLocks noGrp="1"/>
          </p:cNvSpPr>
          <p:nvPr>
            <p:ph type="dt" sz="half" idx="15"/>
          </p:nvPr>
        </p:nvSpPr>
        <p:spPr/>
        <p:txBody>
          <a:bodyPr/>
          <a:lstStyle>
            <a:lvl1pPr>
              <a:defRPr>
                <a:noFill/>
              </a:defRPr>
            </a:lvl1pPr>
          </a:lstStyle>
          <a:p>
            <a:endParaRPr lang="en-GB"/>
          </a:p>
        </p:txBody>
      </p:sp>
      <p:sp>
        <p:nvSpPr>
          <p:cNvPr id="9" name="Logo Placeholder 9">
            <a:extLst>
              <a:ext uri="{FF2B5EF4-FFF2-40B4-BE49-F238E27FC236}">
                <a16:creationId xmlns:a16="http://schemas.microsoft.com/office/drawing/2014/main" id="{3DFFB660-4B55-4B12-8467-29CB6C21116E}"/>
              </a:ext>
            </a:extLst>
          </p:cNvPr>
          <p:cNvSpPr>
            <a:spLocks noGrp="1"/>
          </p:cNvSpPr>
          <p:nvPr>
            <p:ph type="body" sz="quarter" idx="18" hasCustomPrompt="1"/>
          </p:nvPr>
        </p:nvSpPr>
        <p:spPr>
          <a:xfrm>
            <a:off x="10313965" y="5975285"/>
            <a:ext cx="1885918" cy="890598"/>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p>
        </p:txBody>
      </p:sp>
    </p:spTree>
    <p:extLst>
      <p:ext uri="{BB962C8B-B14F-4D97-AF65-F5344CB8AC3E}">
        <p14:creationId xmlns:p14="http://schemas.microsoft.com/office/powerpoint/2010/main" val="358347288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Breaker w. picture B">
    <p:bg>
      <p:bgPr>
        <a:solidFill>
          <a:schemeClr val="bg2"/>
        </a:solidFill>
        <a:effectLst/>
      </p:bgPr>
    </p:bg>
    <p:spTree>
      <p:nvGrpSpPr>
        <p:cNvPr id="1" name=""/>
        <p:cNvGrpSpPr/>
        <p:nvPr/>
      </p:nvGrpSpPr>
      <p:grpSpPr>
        <a:xfrm>
          <a:off x="0" y="0"/>
          <a:ext cx="0" cy="0"/>
          <a:chOff x="0" y="0"/>
          <a:chExt cx="0" cy="0"/>
        </a:xfrm>
      </p:grpSpPr>
      <p:sp>
        <p:nvSpPr>
          <p:cNvPr id="7" name="Picture Placeholder 6"/>
          <p:cNvSpPr>
            <a:spLocks noGrp="1"/>
          </p:cNvSpPr>
          <p:nvPr>
            <p:ph type="pic" sz="quarter" idx="13" hasCustomPrompt="1"/>
          </p:nvPr>
        </p:nvSpPr>
        <p:spPr>
          <a:xfrm>
            <a:off x="0" y="0"/>
            <a:ext cx="12193200" cy="6861600"/>
          </a:xfrm>
        </p:spPr>
        <p:txBody>
          <a:bodyPr tIns="72000" anchor="t" anchorCtr="0"/>
          <a:lstStyle>
            <a:lvl1pPr marL="0" marR="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sz="1200">
                <a:solidFill>
                  <a:schemeClr val="bg1"/>
                </a:solidFill>
              </a:defRPr>
            </a:lvl1pPr>
          </a:lstStyle>
          <a:p>
            <a:pPr marL="0" marR="0" lvl="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a:pPr>
            <a:r>
              <a:rPr lang="en-GB"/>
              <a:t>Click the icon to add a picture</a:t>
            </a:r>
          </a:p>
          <a:p>
            <a:pPr marL="0" marR="0" lvl="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a:pPr>
            <a:endParaRPr lang="en-GB"/>
          </a:p>
        </p:txBody>
      </p:sp>
      <p:sp>
        <p:nvSpPr>
          <p:cNvPr id="2" name="Title 1"/>
          <p:cNvSpPr>
            <a:spLocks noGrp="1"/>
          </p:cNvSpPr>
          <p:nvPr>
            <p:ph type="title" hasCustomPrompt="1"/>
          </p:nvPr>
        </p:nvSpPr>
        <p:spPr>
          <a:xfrm>
            <a:off x="500062" y="3429000"/>
            <a:ext cx="5484813" cy="2208212"/>
          </a:xfrm>
        </p:spPr>
        <p:txBody>
          <a:bodyPr/>
          <a:lstStyle>
            <a:lvl1pPr>
              <a:defRPr sz="4000" b="0">
                <a:solidFill>
                  <a:schemeClr val="bg1"/>
                </a:solidFill>
                <a:latin typeface="+mj-lt"/>
              </a:defRPr>
            </a:lvl1pPr>
          </a:lstStyle>
          <a:p>
            <a:r>
              <a:rPr lang="en-GB" noProof="0"/>
              <a:t>Click to add title</a:t>
            </a:r>
          </a:p>
        </p:txBody>
      </p:sp>
      <p:sp>
        <p:nvSpPr>
          <p:cNvPr id="10" name="Slide Number Placeholder 9">
            <a:extLst>
              <a:ext uri="{FF2B5EF4-FFF2-40B4-BE49-F238E27FC236}">
                <a16:creationId xmlns:a16="http://schemas.microsoft.com/office/drawing/2014/main" id="{644E83C0-32E9-43EF-864A-C6C827731210}"/>
              </a:ext>
            </a:extLst>
          </p:cNvPr>
          <p:cNvSpPr>
            <a:spLocks noGrp="1"/>
          </p:cNvSpPr>
          <p:nvPr>
            <p:ph type="sldNum" sz="quarter" idx="17"/>
          </p:nvPr>
        </p:nvSpPr>
        <p:spPr/>
        <p:txBody>
          <a:bodyPr/>
          <a:lstStyle>
            <a:lvl1pPr>
              <a:defRPr>
                <a:solidFill>
                  <a:schemeClr val="bg1"/>
                </a:solidFill>
              </a:defRPr>
            </a:lvl1pPr>
          </a:lstStyle>
          <a:p>
            <a:fld id="{43A204BC-C5BA-4EF4-ABC8-D45123A0C528}" type="slidenum">
              <a:rPr lang="en-GB" smtClean="0"/>
              <a:pPr/>
              <a:t>‹#›</a:t>
            </a:fld>
            <a:endParaRPr lang="en-GB"/>
          </a:p>
        </p:txBody>
      </p:sp>
      <p:sp>
        <p:nvSpPr>
          <p:cNvPr id="6" name="Date Placeholder 5" hidden="1">
            <a:extLst>
              <a:ext uri="{FF2B5EF4-FFF2-40B4-BE49-F238E27FC236}">
                <a16:creationId xmlns:a16="http://schemas.microsoft.com/office/drawing/2014/main" id="{08F8CACC-6EC3-45E4-B2E4-A9916C3AA0BC}"/>
              </a:ext>
            </a:extLst>
          </p:cNvPr>
          <p:cNvSpPr>
            <a:spLocks noGrp="1"/>
          </p:cNvSpPr>
          <p:nvPr>
            <p:ph type="dt" sz="half" idx="15"/>
          </p:nvPr>
        </p:nvSpPr>
        <p:spPr/>
        <p:txBody>
          <a:bodyPr/>
          <a:lstStyle>
            <a:lvl1pPr>
              <a:defRPr>
                <a:noFill/>
              </a:defRPr>
            </a:lvl1pPr>
          </a:lstStyle>
          <a:p>
            <a:endParaRPr lang="en-GB"/>
          </a:p>
        </p:txBody>
      </p:sp>
      <p:sp>
        <p:nvSpPr>
          <p:cNvPr id="9" name="Logo Placeholder 9">
            <a:extLst>
              <a:ext uri="{FF2B5EF4-FFF2-40B4-BE49-F238E27FC236}">
                <a16:creationId xmlns:a16="http://schemas.microsoft.com/office/drawing/2014/main" id="{9C82B34E-4B89-4EA1-AF11-C3A3F5790646}"/>
              </a:ext>
            </a:extLst>
          </p:cNvPr>
          <p:cNvSpPr>
            <a:spLocks noGrp="1"/>
          </p:cNvSpPr>
          <p:nvPr>
            <p:ph type="body" sz="quarter" idx="18" hasCustomPrompt="1"/>
          </p:nvPr>
        </p:nvSpPr>
        <p:spPr>
          <a:xfrm>
            <a:off x="10313965" y="5975285"/>
            <a:ext cx="1885918" cy="890598"/>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p>
        </p:txBody>
      </p:sp>
    </p:spTree>
    <p:extLst>
      <p:ext uri="{BB962C8B-B14F-4D97-AF65-F5344CB8AC3E}">
        <p14:creationId xmlns:p14="http://schemas.microsoft.com/office/powerpoint/2010/main" val="206788277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Breaker w. picture C">
    <p:bg>
      <p:bgPr>
        <a:solidFill>
          <a:schemeClr val="bg2"/>
        </a:solidFill>
        <a:effectLst/>
      </p:bgPr>
    </p:bg>
    <p:spTree>
      <p:nvGrpSpPr>
        <p:cNvPr id="1" name=""/>
        <p:cNvGrpSpPr/>
        <p:nvPr/>
      </p:nvGrpSpPr>
      <p:grpSpPr>
        <a:xfrm>
          <a:off x="0" y="0"/>
          <a:ext cx="0" cy="0"/>
          <a:chOff x="0" y="0"/>
          <a:chExt cx="0" cy="0"/>
        </a:xfrm>
      </p:grpSpPr>
      <p:sp>
        <p:nvSpPr>
          <p:cNvPr id="7" name="Picture Placeholder 6"/>
          <p:cNvSpPr>
            <a:spLocks noGrp="1"/>
          </p:cNvSpPr>
          <p:nvPr>
            <p:ph type="pic" sz="quarter" idx="13" hasCustomPrompt="1"/>
          </p:nvPr>
        </p:nvSpPr>
        <p:spPr>
          <a:xfrm>
            <a:off x="0" y="0"/>
            <a:ext cx="12193200" cy="6861600"/>
          </a:xfrm>
        </p:spPr>
        <p:txBody>
          <a:bodyPr tIns="72000" anchor="t" anchorCtr="0"/>
          <a:lstStyle>
            <a:lvl1pPr marL="0" marR="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sz="1200">
                <a:solidFill>
                  <a:schemeClr val="bg1"/>
                </a:solidFill>
              </a:defRPr>
            </a:lvl1pPr>
          </a:lstStyle>
          <a:p>
            <a:r>
              <a:rPr lang="en-GB"/>
              <a:t>Click the icon to add a picture</a:t>
            </a:r>
          </a:p>
        </p:txBody>
      </p:sp>
      <p:sp>
        <p:nvSpPr>
          <p:cNvPr id="2" name="Title 1"/>
          <p:cNvSpPr>
            <a:spLocks noGrp="1"/>
          </p:cNvSpPr>
          <p:nvPr>
            <p:ph type="title" hasCustomPrompt="1"/>
          </p:nvPr>
        </p:nvSpPr>
        <p:spPr>
          <a:xfrm>
            <a:off x="6223000" y="3429000"/>
            <a:ext cx="5467350" cy="2208212"/>
          </a:xfrm>
        </p:spPr>
        <p:txBody>
          <a:bodyPr/>
          <a:lstStyle>
            <a:lvl1pPr>
              <a:defRPr sz="4000" b="0">
                <a:solidFill>
                  <a:schemeClr val="bg1"/>
                </a:solidFill>
                <a:latin typeface="+mj-lt"/>
              </a:defRPr>
            </a:lvl1pPr>
          </a:lstStyle>
          <a:p>
            <a:r>
              <a:rPr lang="en-GB" noProof="0"/>
              <a:t>Click to add title</a:t>
            </a:r>
          </a:p>
        </p:txBody>
      </p:sp>
      <p:sp>
        <p:nvSpPr>
          <p:cNvPr id="10" name="Slide Number Placeholder 9">
            <a:extLst>
              <a:ext uri="{FF2B5EF4-FFF2-40B4-BE49-F238E27FC236}">
                <a16:creationId xmlns:a16="http://schemas.microsoft.com/office/drawing/2014/main" id="{644E83C0-32E9-43EF-864A-C6C827731210}"/>
              </a:ext>
            </a:extLst>
          </p:cNvPr>
          <p:cNvSpPr>
            <a:spLocks noGrp="1"/>
          </p:cNvSpPr>
          <p:nvPr>
            <p:ph type="sldNum" sz="quarter" idx="17"/>
          </p:nvPr>
        </p:nvSpPr>
        <p:spPr/>
        <p:txBody>
          <a:bodyPr/>
          <a:lstStyle>
            <a:lvl1pPr>
              <a:defRPr>
                <a:solidFill>
                  <a:schemeClr val="bg1"/>
                </a:solidFill>
              </a:defRPr>
            </a:lvl1pPr>
          </a:lstStyle>
          <a:p>
            <a:fld id="{43A204BC-C5BA-4EF4-ABC8-D45123A0C528}" type="slidenum">
              <a:rPr lang="en-GB" smtClean="0"/>
              <a:pPr/>
              <a:t>‹#›</a:t>
            </a:fld>
            <a:endParaRPr lang="en-GB"/>
          </a:p>
        </p:txBody>
      </p:sp>
      <p:sp>
        <p:nvSpPr>
          <p:cNvPr id="6" name="Date Placeholder 5" hidden="1">
            <a:extLst>
              <a:ext uri="{FF2B5EF4-FFF2-40B4-BE49-F238E27FC236}">
                <a16:creationId xmlns:a16="http://schemas.microsoft.com/office/drawing/2014/main" id="{08F8CACC-6EC3-45E4-B2E4-A9916C3AA0BC}"/>
              </a:ext>
            </a:extLst>
          </p:cNvPr>
          <p:cNvSpPr>
            <a:spLocks noGrp="1"/>
          </p:cNvSpPr>
          <p:nvPr>
            <p:ph type="dt" sz="half" idx="15"/>
          </p:nvPr>
        </p:nvSpPr>
        <p:spPr/>
        <p:txBody>
          <a:bodyPr/>
          <a:lstStyle>
            <a:lvl1pPr>
              <a:defRPr>
                <a:noFill/>
              </a:defRPr>
            </a:lvl1pPr>
          </a:lstStyle>
          <a:p>
            <a:endParaRPr lang="en-GB"/>
          </a:p>
        </p:txBody>
      </p:sp>
      <p:sp>
        <p:nvSpPr>
          <p:cNvPr id="9" name="Logo Placeholder 9">
            <a:extLst>
              <a:ext uri="{FF2B5EF4-FFF2-40B4-BE49-F238E27FC236}">
                <a16:creationId xmlns:a16="http://schemas.microsoft.com/office/drawing/2014/main" id="{FF5C0FF8-3D38-4FFB-9403-A4F5FCD6FE05}"/>
              </a:ext>
            </a:extLst>
          </p:cNvPr>
          <p:cNvSpPr>
            <a:spLocks noGrp="1"/>
          </p:cNvSpPr>
          <p:nvPr>
            <p:ph type="body" sz="quarter" idx="18" hasCustomPrompt="1"/>
          </p:nvPr>
        </p:nvSpPr>
        <p:spPr>
          <a:xfrm>
            <a:off x="10313965" y="5975285"/>
            <a:ext cx="1885918" cy="890598"/>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p>
        </p:txBody>
      </p:sp>
    </p:spTree>
    <p:extLst>
      <p:ext uri="{BB962C8B-B14F-4D97-AF65-F5344CB8AC3E}">
        <p14:creationId xmlns:p14="http://schemas.microsoft.com/office/powerpoint/2010/main" val="47959404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2_Title A">
    <p:spTree>
      <p:nvGrpSpPr>
        <p:cNvPr id="1" name=""/>
        <p:cNvGrpSpPr/>
        <p:nvPr/>
      </p:nvGrpSpPr>
      <p:grpSpPr>
        <a:xfrm>
          <a:off x="0" y="0"/>
          <a:ext cx="0" cy="0"/>
          <a:chOff x="0" y="0"/>
          <a:chExt cx="0" cy="0"/>
        </a:xfrm>
      </p:grpSpPr>
      <p:sp>
        <p:nvSpPr>
          <p:cNvPr id="8" name="Picture Placeholder 7"/>
          <p:cNvSpPr>
            <a:spLocks noGrp="1"/>
          </p:cNvSpPr>
          <p:nvPr>
            <p:ph type="pic" sz="quarter" idx="13" hasCustomPrompt="1"/>
          </p:nvPr>
        </p:nvSpPr>
        <p:spPr>
          <a:xfrm>
            <a:off x="0" y="-1"/>
            <a:ext cx="12193200" cy="6861600"/>
          </a:xfrm>
          <a:solidFill>
            <a:schemeClr val="accent2">
              <a:lumMod val="20000"/>
              <a:lumOff val="80000"/>
            </a:schemeClr>
          </a:solidFill>
        </p:spPr>
        <p:txBody>
          <a:bodyPr lIns="144000" tIns="108000"/>
          <a:lstStyle>
            <a:lvl1pPr marL="0" indent="0" algn="ctr">
              <a:buNone/>
              <a:defRPr sz="1200">
                <a:solidFill>
                  <a:schemeClr val="tx1"/>
                </a:solidFill>
              </a:defRPr>
            </a:lvl1pPr>
          </a:lstStyle>
          <a:p>
            <a:r>
              <a:rPr lang="en-GB"/>
              <a:t>Click the icon to insert a photo</a:t>
            </a:r>
          </a:p>
        </p:txBody>
      </p:sp>
      <p:sp>
        <p:nvSpPr>
          <p:cNvPr id="19" name="Footer Placeholder 18" hidden="1">
            <a:extLst>
              <a:ext uri="{FF2B5EF4-FFF2-40B4-BE49-F238E27FC236}">
                <a16:creationId xmlns:a16="http://schemas.microsoft.com/office/drawing/2014/main" id="{EF117A4B-54AF-45DE-842B-8168C527210F}"/>
              </a:ext>
            </a:extLst>
          </p:cNvPr>
          <p:cNvSpPr>
            <a:spLocks noGrp="1"/>
          </p:cNvSpPr>
          <p:nvPr>
            <p:ph type="ftr" sz="quarter" idx="16"/>
          </p:nvPr>
        </p:nvSpPr>
        <p:spPr>
          <a:xfrm>
            <a:off x="0" y="6858000"/>
            <a:ext cx="0" cy="0"/>
          </a:xfrm>
        </p:spPr>
        <p:txBody>
          <a:bodyPr/>
          <a:lstStyle>
            <a:lvl1pPr>
              <a:defRPr sz="100">
                <a:noFill/>
              </a:defRPr>
            </a:lvl1pPr>
          </a:lstStyle>
          <a:p>
            <a:r>
              <a:rPr lang="en-GB"/>
              <a:t>A.P. Moller - Maersk</a:t>
            </a:r>
          </a:p>
        </p:txBody>
      </p:sp>
      <p:sp>
        <p:nvSpPr>
          <p:cNvPr id="20" name="Slide Number Placeholder 19" hidden="1">
            <a:extLst>
              <a:ext uri="{FF2B5EF4-FFF2-40B4-BE49-F238E27FC236}">
                <a16:creationId xmlns:a16="http://schemas.microsoft.com/office/drawing/2014/main" id="{6BB5F837-CD41-4FEA-B45A-2B3A60DC7C20}"/>
              </a:ext>
            </a:extLst>
          </p:cNvPr>
          <p:cNvSpPr>
            <a:spLocks noGrp="1"/>
          </p:cNvSpPr>
          <p:nvPr>
            <p:ph type="sldNum" sz="quarter" idx="17"/>
          </p:nvPr>
        </p:nvSpPr>
        <p:spPr>
          <a:xfrm>
            <a:off x="0" y="6858000"/>
            <a:ext cx="0" cy="0"/>
          </a:xfrm>
        </p:spPr>
        <p:txBody>
          <a:bodyPr/>
          <a:lstStyle>
            <a:lvl1pPr>
              <a:defRPr sz="100">
                <a:noFill/>
              </a:defRPr>
            </a:lvl1pPr>
          </a:lstStyle>
          <a:p>
            <a:r>
              <a:rPr lang="en-GB"/>
              <a:t>.</a:t>
            </a:r>
          </a:p>
        </p:txBody>
      </p:sp>
      <p:sp>
        <p:nvSpPr>
          <p:cNvPr id="12" name="Title 1">
            <a:extLst>
              <a:ext uri="{FF2B5EF4-FFF2-40B4-BE49-F238E27FC236}">
                <a16:creationId xmlns:a16="http://schemas.microsoft.com/office/drawing/2014/main" id="{9C1261A4-E237-4292-BF30-5B51290CCC86}"/>
              </a:ext>
            </a:extLst>
          </p:cNvPr>
          <p:cNvSpPr>
            <a:spLocks noGrp="1"/>
          </p:cNvSpPr>
          <p:nvPr>
            <p:ph type="ctrTitle" hasCustomPrompt="1"/>
          </p:nvPr>
        </p:nvSpPr>
        <p:spPr>
          <a:xfrm>
            <a:off x="500063" y="2449513"/>
            <a:ext cx="5595937" cy="657369"/>
          </a:xfrm>
        </p:spPr>
        <p:txBody>
          <a:bodyPr anchor="t"/>
          <a:lstStyle>
            <a:lvl1pPr algn="l">
              <a:defRPr sz="4000">
                <a:solidFill>
                  <a:schemeClr val="tx1"/>
                </a:solidFill>
              </a:defRPr>
            </a:lvl1pPr>
          </a:lstStyle>
          <a:p>
            <a:r>
              <a:rPr lang="en-GB"/>
              <a:t>Click to add title</a:t>
            </a:r>
          </a:p>
        </p:txBody>
      </p:sp>
      <p:sp>
        <p:nvSpPr>
          <p:cNvPr id="13" name="Text Placeholder 23">
            <a:extLst>
              <a:ext uri="{FF2B5EF4-FFF2-40B4-BE49-F238E27FC236}">
                <a16:creationId xmlns:a16="http://schemas.microsoft.com/office/drawing/2014/main" id="{3DFA7FF9-9300-42F7-8FF9-B297F4610A1A}"/>
              </a:ext>
            </a:extLst>
          </p:cNvPr>
          <p:cNvSpPr>
            <a:spLocks noGrp="1"/>
          </p:cNvSpPr>
          <p:nvPr>
            <p:ph type="body" sz="quarter" idx="18" hasCustomPrompt="1"/>
          </p:nvPr>
        </p:nvSpPr>
        <p:spPr>
          <a:xfrm>
            <a:off x="478956" y="6112252"/>
            <a:ext cx="2629369" cy="140506"/>
          </a:xfrm>
        </p:spPr>
        <p:txBody>
          <a:bodyPr/>
          <a:lstStyle>
            <a:lvl1pPr marL="0" indent="0">
              <a:buNone/>
              <a:defRPr sz="900">
                <a:solidFill>
                  <a:schemeClr val="tx1"/>
                </a:solidFill>
              </a:defRPr>
            </a:lvl1pPr>
          </a:lstStyle>
          <a:p>
            <a:pPr lvl="0"/>
            <a:r>
              <a:rPr lang="en-GB"/>
              <a:t>Insert presenter’s name and surname</a:t>
            </a:r>
          </a:p>
        </p:txBody>
      </p:sp>
      <p:sp>
        <p:nvSpPr>
          <p:cNvPr id="14" name="Text Placeholder 4">
            <a:extLst>
              <a:ext uri="{FF2B5EF4-FFF2-40B4-BE49-F238E27FC236}">
                <a16:creationId xmlns:a16="http://schemas.microsoft.com/office/drawing/2014/main" id="{49C99AAE-1FE6-451D-A60A-1254DDD53809}"/>
              </a:ext>
            </a:extLst>
          </p:cNvPr>
          <p:cNvSpPr>
            <a:spLocks noGrp="1"/>
          </p:cNvSpPr>
          <p:nvPr>
            <p:ph type="body" sz="quarter" idx="20" hasCustomPrompt="1"/>
          </p:nvPr>
        </p:nvSpPr>
        <p:spPr>
          <a:xfrm>
            <a:off x="479425" y="6293803"/>
            <a:ext cx="2628900" cy="177800"/>
          </a:xfrm>
        </p:spPr>
        <p:txBody>
          <a:bodyPr/>
          <a:lstStyle>
            <a:lvl1pPr marL="0" indent="0">
              <a:buNone/>
              <a:defRPr sz="900">
                <a:solidFill>
                  <a:schemeClr val="tx1"/>
                </a:solidFill>
              </a:defRPr>
            </a:lvl1pPr>
          </a:lstStyle>
          <a:p>
            <a:pPr lvl="0"/>
            <a:r>
              <a:rPr lang="da-DK" sz="900" err="1"/>
              <a:t>Insert</a:t>
            </a:r>
            <a:r>
              <a:rPr lang="da-DK" sz="900"/>
              <a:t> date</a:t>
            </a:r>
            <a:endParaRPr lang="da-DK"/>
          </a:p>
        </p:txBody>
      </p:sp>
      <p:sp>
        <p:nvSpPr>
          <p:cNvPr id="18" name="Logo Placeholder 9">
            <a:extLst>
              <a:ext uri="{FF2B5EF4-FFF2-40B4-BE49-F238E27FC236}">
                <a16:creationId xmlns:a16="http://schemas.microsoft.com/office/drawing/2014/main" id="{A5B9E05A-B553-47AD-BCC5-BB8279105653}"/>
              </a:ext>
            </a:extLst>
          </p:cNvPr>
          <p:cNvSpPr>
            <a:spLocks noGrp="1"/>
          </p:cNvSpPr>
          <p:nvPr>
            <p:ph type="body" sz="quarter" idx="14" hasCustomPrompt="1"/>
          </p:nvPr>
        </p:nvSpPr>
        <p:spPr>
          <a:xfrm>
            <a:off x="10313965" y="5975285"/>
            <a:ext cx="1885918" cy="890598"/>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p>
        </p:txBody>
      </p:sp>
      <p:sp>
        <p:nvSpPr>
          <p:cNvPr id="22" name="Content Placeholder 5">
            <a:extLst>
              <a:ext uri="{FF2B5EF4-FFF2-40B4-BE49-F238E27FC236}">
                <a16:creationId xmlns:a16="http://schemas.microsoft.com/office/drawing/2014/main" id="{260F0F2C-29C6-4690-8B24-61FFCCEBD3D3}"/>
              </a:ext>
            </a:extLst>
          </p:cNvPr>
          <p:cNvSpPr>
            <a:spLocks noGrp="1"/>
          </p:cNvSpPr>
          <p:nvPr>
            <p:ph sz="quarter" idx="21" hasCustomPrompt="1"/>
          </p:nvPr>
        </p:nvSpPr>
        <p:spPr>
          <a:xfrm>
            <a:off x="500063" y="3241675"/>
            <a:ext cx="5630862" cy="550863"/>
          </a:xfrm>
        </p:spPr>
        <p:txBody>
          <a:bodyPr/>
          <a:lstStyle>
            <a:lvl1pPr marL="0" indent="0">
              <a:buNone/>
              <a:defRPr b="1">
                <a:solidFill>
                  <a:schemeClr val="tx1"/>
                </a:solidFill>
              </a:defRPr>
            </a:lvl1pPr>
          </a:lstStyle>
          <a:p>
            <a:pPr lvl="0"/>
            <a:r>
              <a:rPr lang="da-DK"/>
              <a:t>MAERSK SUPPLY SERVICE</a:t>
            </a:r>
          </a:p>
        </p:txBody>
      </p:sp>
    </p:spTree>
    <p:extLst>
      <p:ext uri="{BB962C8B-B14F-4D97-AF65-F5344CB8AC3E}">
        <p14:creationId xmlns:p14="http://schemas.microsoft.com/office/powerpoint/2010/main" val="208320078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Case story A">
    <p:bg>
      <p:bgPr>
        <a:solidFill>
          <a:schemeClr val="bg2"/>
        </a:solidFill>
        <a:effectLst/>
      </p:bgPr>
    </p:bg>
    <p:spTree>
      <p:nvGrpSpPr>
        <p:cNvPr id="1" name=""/>
        <p:cNvGrpSpPr/>
        <p:nvPr/>
      </p:nvGrpSpPr>
      <p:grpSpPr>
        <a:xfrm>
          <a:off x="0" y="0"/>
          <a:ext cx="0" cy="0"/>
          <a:chOff x="0" y="0"/>
          <a:chExt cx="0" cy="0"/>
        </a:xfrm>
      </p:grpSpPr>
      <p:sp>
        <p:nvSpPr>
          <p:cNvPr id="7" name="Picture Placeholder 6"/>
          <p:cNvSpPr>
            <a:spLocks noGrp="1"/>
          </p:cNvSpPr>
          <p:nvPr>
            <p:ph type="pic" sz="quarter" idx="13" hasCustomPrompt="1"/>
          </p:nvPr>
        </p:nvSpPr>
        <p:spPr>
          <a:xfrm>
            <a:off x="0" y="0"/>
            <a:ext cx="12193200" cy="6861600"/>
          </a:xfrm>
        </p:spPr>
        <p:txBody>
          <a:bodyPr tIns="72000" anchor="t" anchorCtr="0"/>
          <a:lstStyle>
            <a:lvl1pPr marL="0" marR="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sz="1200">
                <a:solidFill>
                  <a:schemeClr val="bg1"/>
                </a:solidFill>
              </a:defRPr>
            </a:lvl1pPr>
          </a:lstStyle>
          <a:p>
            <a:r>
              <a:rPr lang="en-GB"/>
              <a:t>Click the icon to add a picture</a:t>
            </a:r>
          </a:p>
        </p:txBody>
      </p:sp>
      <p:sp>
        <p:nvSpPr>
          <p:cNvPr id="2" name="Title 1"/>
          <p:cNvSpPr>
            <a:spLocks noGrp="1"/>
          </p:cNvSpPr>
          <p:nvPr>
            <p:ph type="title" hasCustomPrompt="1"/>
          </p:nvPr>
        </p:nvSpPr>
        <p:spPr>
          <a:xfrm>
            <a:off x="500063" y="2449513"/>
            <a:ext cx="5484812" cy="2205037"/>
          </a:xfrm>
        </p:spPr>
        <p:txBody>
          <a:bodyPr/>
          <a:lstStyle>
            <a:lvl1pPr>
              <a:defRPr sz="4000" b="0">
                <a:solidFill>
                  <a:schemeClr val="bg1"/>
                </a:solidFill>
                <a:latin typeface="+mj-lt"/>
              </a:defRPr>
            </a:lvl1pPr>
          </a:lstStyle>
          <a:p>
            <a:r>
              <a:rPr lang="en-GB" noProof="0"/>
              <a:t>Click to add title</a:t>
            </a:r>
          </a:p>
        </p:txBody>
      </p:sp>
      <p:sp>
        <p:nvSpPr>
          <p:cNvPr id="15" name="Content Placeholder 2">
            <a:extLst>
              <a:ext uri="{FF2B5EF4-FFF2-40B4-BE49-F238E27FC236}">
                <a16:creationId xmlns:a16="http://schemas.microsoft.com/office/drawing/2014/main" id="{248F43D1-063F-48C6-A5D5-90EFC34AB131}"/>
              </a:ext>
            </a:extLst>
          </p:cNvPr>
          <p:cNvSpPr>
            <a:spLocks noGrp="1"/>
          </p:cNvSpPr>
          <p:nvPr>
            <p:ph sz="quarter" idx="21" hasCustomPrompt="1"/>
          </p:nvPr>
        </p:nvSpPr>
        <p:spPr>
          <a:xfrm>
            <a:off x="1052033" y="6240280"/>
            <a:ext cx="2862000" cy="185426"/>
          </a:xfrm>
        </p:spPr>
        <p:txBody>
          <a:bodyPr/>
          <a:lstStyle>
            <a:lvl1pPr marL="0" indent="0">
              <a:buNone/>
              <a:defRPr sz="900">
                <a:solidFill>
                  <a:schemeClr val="bg1"/>
                </a:solidFill>
              </a:defRPr>
            </a:lvl1pPr>
            <a:lvl2pPr marL="180000" indent="0">
              <a:buNone/>
              <a:defRPr/>
            </a:lvl2pPr>
          </a:lstStyle>
          <a:p>
            <a:pPr lvl="0"/>
            <a:r>
              <a:rPr lang="en-GB"/>
              <a:t>Insert case story</a:t>
            </a:r>
          </a:p>
        </p:txBody>
      </p:sp>
      <p:sp>
        <p:nvSpPr>
          <p:cNvPr id="9" name="Footer Placeholder 8" hidden="1">
            <a:extLst>
              <a:ext uri="{FF2B5EF4-FFF2-40B4-BE49-F238E27FC236}">
                <a16:creationId xmlns:a16="http://schemas.microsoft.com/office/drawing/2014/main" id="{A9A96F2B-17B8-409E-AEA9-1195DB57C00A}"/>
              </a:ext>
            </a:extLst>
          </p:cNvPr>
          <p:cNvSpPr>
            <a:spLocks noGrp="1"/>
          </p:cNvSpPr>
          <p:nvPr>
            <p:ph type="ftr" sz="quarter" idx="16"/>
          </p:nvPr>
        </p:nvSpPr>
        <p:spPr>
          <a:xfrm>
            <a:off x="0" y="6858000"/>
            <a:ext cx="0" cy="0"/>
          </a:xfrm>
          <a:prstGeom prst="rect">
            <a:avLst/>
          </a:prstGeom>
        </p:spPr>
        <p:txBody>
          <a:bodyPr/>
          <a:lstStyle>
            <a:lvl1pPr>
              <a:defRPr sz="100">
                <a:noFill/>
              </a:defRPr>
            </a:lvl1pPr>
          </a:lstStyle>
          <a:p>
            <a:endParaRPr lang="en-GB"/>
          </a:p>
        </p:txBody>
      </p:sp>
      <p:sp>
        <p:nvSpPr>
          <p:cNvPr id="10" name="Slide Number Placeholder 9" hidden="1">
            <a:extLst>
              <a:ext uri="{FF2B5EF4-FFF2-40B4-BE49-F238E27FC236}">
                <a16:creationId xmlns:a16="http://schemas.microsoft.com/office/drawing/2014/main" id="{644E83C0-32E9-43EF-864A-C6C827731210}"/>
              </a:ext>
            </a:extLst>
          </p:cNvPr>
          <p:cNvSpPr>
            <a:spLocks noGrp="1"/>
          </p:cNvSpPr>
          <p:nvPr>
            <p:ph type="sldNum" sz="quarter" idx="17"/>
          </p:nvPr>
        </p:nvSpPr>
        <p:spPr>
          <a:xfrm>
            <a:off x="0" y="6858000"/>
            <a:ext cx="0" cy="0"/>
          </a:xfrm>
        </p:spPr>
        <p:txBody>
          <a:bodyPr/>
          <a:lstStyle>
            <a:lvl1pPr>
              <a:defRPr sz="100">
                <a:noFill/>
              </a:defRPr>
            </a:lvl1pPr>
          </a:lstStyle>
          <a:p>
            <a:endParaRPr lang="en-GB"/>
          </a:p>
          <a:p>
            <a:r>
              <a:rPr lang="en-GB"/>
              <a:t>.</a:t>
            </a:r>
          </a:p>
        </p:txBody>
      </p:sp>
      <p:sp>
        <p:nvSpPr>
          <p:cNvPr id="6" name="Date Placeholder 5" hidden="1">
            <a:extLst>
              <a:ext uri="{FF2B5EF4-FFF2-40B4-BE49-F238E27FC236}">
                <a16:creationId xmlns:a16="http://schemas.microsoft.com/office/drawing/2014/main" id="{08F8CACC-6EC3-45E4-B2E4-A9916C3AA0BC}"/>
              </a:ext>
            </a:extLst>
          </p:cNvPr>
          <p:cNvSpPr>
            <a:spLocks noGrp="1"/>
          </p:cNvSpPr>
          <p:nvPr>
            <p:ph type="dt" sz="half" idx="15"/>
          </p:nvPr>
        </p:nvSpPr>
        <p:spPr/>
        <p:txBody>
          <a:bodyPr/>
          <a:lstStyle>
            <a:lvl1pPr>
              <a:defRPr>
                <a:noFill/>
              </a:defRPr>
            </a:lvl1pPr>
          </a:lstStyle>
          <a:p>
            <a:endParaRPr lang="en-GB"/>
          </a:p>
        </p:txBody>
      </p:sp>
      <p:sp>
        <p:nvSpPr>
          <p:cNvPr id="13" name="Slide Number Placeholder 9">
            <a:extLst>
              <a:ext uri="{FF2B5EF4-FFF2-40B4-BE49-F238E27FC236}">
                <a16:creationId xmlns:a16="http://schemas.microsoft.com/office/drawing/2014/main" id="{8685DD1C-CDC3-440A-8A7D-C85CEE30C14B}"/>
              </a:ext>
            </a:extLst>
          </p:cNvPr>
          <p:cNvSpPr txBox="1">
            <a:spLocks/>
          </p:cNvSpPr>
          <p:nvPr userDrawn="1"/>
        </p:nvSpPr>
        <p:spPr>
          <a:xfrm>
            <a:off x="481013" y="6240280"/>
            <a:ext cx="412039" cy="185426"/>
          </a:xfrm>
          <a:prstGeom prst="rect">
            <a:avLst/>
          </a:prstGeom>
        </p:spPr>
        <p:txBody>
          <a:bodyPr vert="horz" wrap="none" lIns="0" tIns="0" rIns="0" bIns="0" rtlCol="0" anchor="t"/>
          <a:lstStyle>
            <a:defPPr>
              <a:defRPr lang="en-US"/>
            </a:defPPr>
            <a:lvl1pPr marL="0" algn="l"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43A204BC-C5BA-4EF4-ABC8-D45123A0C528}" type="slidenum">
              <a:rPr lang="en-GB" smtClean="0"/>
              <a:pPr/>
              <a:t>‹#›</a:t>
            </a:fld>
            <a:endParaRPr lang="en-GB"/>
          </a:p>
        </p:txBody>
      </p:sp>
      <p:sp>
        <p:nvSpPr>
          <p:cNvPr id="11" name="Logo Placeholder 9">
            <a:extLst>
              <a:ext uri="{FF2B5EF4-FFF2-40B4-BE49-F238E27FC236}">
                <a16:creationId xmlns:a16="http://schemas.microsoft.com/office/drawing/2014/main" id="{199519C9-D650-40A8-BDFA-8130883E81CF}"/>
              </a:ext>
            </a:extLst>
          </p:cNvPr>
          <p:cNvSpPr>
            <a:spLocks noGrp="1"/>
          </p:cNvSpPr>
          <p:nvPr>
            <p:ph type="body" sz="quarter" idx="18" hasCustomPrompt="1"/>
          </p:nvPr>
        </p:nvSpPr>
        <p:spPr>
          <a:xfrm>
            <a:off x="10313965" y="5975285"/>
            <a:ext cx="1885918" cy="890598"/>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p>
        </p:txBody>
      </p:sp>
    </p:spTree>
    <p:extLst>
      <p:ext uri="{BB962C8B-B14F-4D97-AF65-F5344CB8AC3E}">
        <p14:creationId xmlns:p14="http://schemas.microsoft.com/office/powerpoint/2010/main" val="311255127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Case story B">
    <p:spTree>
      <p:nvGrpSpPr>
        <p:cNvPr id="1" name=""/>
        <p:cNvGrpSpPr/>
        <p:nvPr/>
      </p:nvGrpSpPr>
      <p:grpSpPr>
        <a:xfrm>
          <a:off x="0" y="0"/>
          <a:ext cx="0" cy="0"/>
          <a:chOff x="0" y="0"/>
          <a:chExt cx="0" cy="0"/>
        </a:xfrm>
      </p:grpSpPr>
      <p:sp>
        <p:nvSpPr>
          <p:cNvPr id="7" name="Picture Placeholder 6"/>
          <p:cNvSpPr>
            <a:spLocks noGrp="1"/>
          </p:cNvSpPr>
          <p:nvPr>
            <p:ph type="pic" sz="quarter" idx="13" hasCustomPrompt="1"/>
          </p:nvPr>
        </p:nvSpPr>
        <p:spPr>
          <a:xfrm>
            <a:off x="6223000" y="500063"/>
            <a:ext cx="5467350" cy="5137151"/>
          </a:xfrm>
        </p:spPr>
        <p:txBody>
          <a:bodyPr tIns="72000" anchor="t" anchorCtr="0"/>
          <a:lstStyle>
            <a:lvl1pPr marL="0" marR="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sz="1200">
                <a:solidFill>
                  <a:schemeClr val="tx1"/>
                </a:solidFill>
              </a:defRPr>
            </a:lvl1pPr>
          </a:lstStyle>
          <a:p>
            <a:r>
              <a:rPr lang="en-GB"/>
              <a:t>Click the icon to add a picture</a:t>
            </a:r>
          </a:p>
        </p:txBody>
      </p:sp>
      <p:sp>
        <p:nvSpPr>
          <p:cNvPr id="2" name="Title 1"/>
          <p:cNvSpPr>
            <a:spLocks noGrp="1"/>
          </p:cNvSpPr>
          <p:nvPr>
            <p:ph type="title" hasCustomPrompt="1"/>
          </p:nvPr>
        </p:nvSpPr>
        <p:spPr>
          <a:xfrm>
            <a:off x="500062" y="2449513"/>
            <a:ext cx="5484813" cy="2205037"/>
          </a:xfrm>
        </p:spPr>
        <p:txBody>
          <a:bodyPr/>
          <a:lstStyle>
            <a:lvl1pPr>
              <a:defRPr sz="4000" b="0">
                <a:solidFill>
                  <a:schemeClr val="bg2"/>
                </a:solidFill>
                <a:latin typeface="+mj-lt"/>
              </a:defRPr>
            </a:lvl1pPr>
          </a:lstStyle>
          <a:p>
            <a:r>
              <a:rPr lang="en-GB" noProof="0"/>
              <a:t>Click to add title</a:t>
            </a:r>
          </a:p>
        </p:txBody>
      </p:sp>
      <p:sp>
        <p:nvSpPr>
          <p:cNvPr id="9" name="Footer Placeholder 8" hidden="1">
            <a:extLst>
              <a:ext uri="{FF2B5EF4-FFF2-40B4-BE49-F238E27FC236}">
                <a16:creationId xmlns:a16="http://schemas.microsoft.com/office/drawing/2014/main" id="{A9A96F2B-17B8-409E-AEA9-1195DB57C00A}"/>
              </a:ext>
            </a:extLst>
          </p:cNvPr>
          <p:cNvSpPr>
            <a:spLocks noGrp="1"/>
          </p:cNvSpPr>
          <p:nvPr>
            <p:ph type="ftr" sz="quarter" idx="16"/>
          </p:nvPr>
        </p:nvSpPr>
        <p:spPr>
          <a:xfrm>
            <a:off x="0" y="6858000"/>
            <a:ext cx="0" cy="0"/>
          </a:xfrm>
          <a:prstGeom prst="rect">
            <a:avLst/>
          </a:prstGeom>
        </p:spPr>
        <p:txBody>
          <a:bodyPr/>
          <a:lstStyle>
            <a:lvl1pPr>
              <a:defRPr sz="100">
                <a:noFill/>
              </a:defRPr>
            </a:lvl1pPr>
          </a:lstStyle>
          <a:p>
            <a:endParaRPr lang="en-GB"/>
          </a:p>
        </p:txBody>
      </p:sp>
      <p:sp>
        <p:nvSpPr>
          <p:cNvPr id="10" name="Slide Number Placeholder 9" hidden="1">
            <a:extLst>
              <a:ext uri="{FF2B5EF4-FFF2-40B4-BE49-F238E27FC236}">
                <a16:creationId xmlns:a16="http://schemas.microsoft.com/office/drawing/2014/main" id="{644E83C0-32E9-43EF-864A-C6C827731210}"/>
              </a:ext>
            </a:extLst>
          </p:cNvPr>
          <p:cNvSpPr>
            <a:spLocks noGrp="1"/>
          </p:cNvSpPr>
          <p:nvPr>
            <p:ph type="sldNum" sz="quarter" idx="17"/>
          </p:nvPr>
        </p:nvSpPr>
        <p:spPr>
          <a:xfrm>
            <a:off x="0" y="6858000"/>
            <a:ext cx="0" cy="0"/>
          </a:xfrm>
        </p:spPr>
        <p:txBody>
          <a:bodyPr/>
          <a:lstStyle>
            <a:lvl1pPr>
              <a:defRPr sz="100">
                <a:noFill/>
              </a:defRPr>
            </a:lvl1pPr>
          </a:lstStyle>
          <a:p>
            <a:endParaRPr lang="en-GB"/>
          </a:p>
          <a:p>
            <a:r>
              <a:rPr lang="en-GB"/>
              <a:t>.</a:t>
            </a:r>
          </a:p>
        </p:txBody>
      </p:sp>
      <p:sp>
        <p:nvSpPr>
          <p:cNvPr id="6" name="Date Placeholder 5" hidden="1">
            <a:extLst>
              <a:ext uri="{FF2B5EF4-FFF2-40B4-BE49-F238E27FC236}">
                <a16:creationId xmlns:a16="http://schemas.microsoft.com/office/drawing/2014/main" id="{08F8CACC-6EC3-45E4-B2E4-A9916C3AA0BC}"/>
              </a:ext>
            </a:extLst>
          </p:cNvPr>
          <p:cNvSpPr>
            <a:spLocks noGrp="1"/>
          </p:cNvSpPr>
          <p:nvPr>
            <p:ph type="dt" sz="half" idx="15"/>
          </p:nvPr>
        </p:nvSpPr>
        <p:spPr/>
        <p:txBody>
          <a:bodyPr/>
          <a:lstStyle>
            <a:lvl1pPr>
              <a:defRPr>
                <a:noFill/>
              </a:defRPr>
            </a:lvl1pPr>
          </a:lstStyle>
          <a:p>
            <a:endParaRPr lang="en-GB"/>
          </a:p>
        </p:txBody>
      </p:sp>
      <p:sp>
        <p:nvSpPr>
          <p:cNvPr id="12" name="Content Placeholder 2">
            <a:extLst>
              <a:ext uri="{FF2B5EF4-FFF2-40B4-BE49-F238E27FC236}">
                <a16:creationId xmlns:a16="http://schemas.microsoft.com/office/drawing/2014/main" id="{13DBCE7F-1623-4F48-9679-BA171F23F376}"/>
              </a:ext>
            </a:extLst>
          </p:cNvPr>
          <p:cNvSpPr>
            <a:spLocks noGrp="1"/>
          </p:cNvSpPr>
          <p:nvPr>
            <p:ph sz="quarter" idx="21" hasCustomPrompt="1"/>
          </p:nvPr>
        </p:nvSpPr>
        <p:spPr>
          <a:xfrm>
            <a:off x="1052033" y="6240280"/>
            <a:ext cx="2862000" cy="185426"/>
          </a:xfrm>
        </p:spPr>
        <p:txBody>
          <a:bodyPr/>
          <a:lstStyle>
            <a:lvl1pPr marL="0" indent="0">
              <a:buNone/>
              <a:defRPr sz="900">
                <a:solidFill>
                  <a:srgbClr val="687A86"/>
                </a:solidFill>
              </a:defRPr>
            </a:lvl1pPr>
            <a:lvl2pPr marL="180000" indent="0">
              <a:buNone/>
              <a:defRPr/>
            </a:lvl2pPr>
          </a:lstStyle>
          <a:p>
            <a:pPr lvl="0"/>
            <a:r>
              <a:rPr lang="en-GB"/>
              <a:t>Insert case story</a:t>
            </a:r>
          </a:p>
        </p:txBody>
      </p:sp>
      <p:sp>
        <p:nvSpPr>
          <p:cNvPr id="14" name="Slide Number Placeholder 9">
            <a:extLst>
              <a:ext uri="{FF2B5EF4-FFF2-40B4-BE49-F238E27FC236}">
                <a16:creationId xmlns:a16="http://schemas.microsoft.com/office/drawing/2014/main" id="{E27430DB-C448-4805-96DE-C1B46D899281}"/>
              </a:ext>
            </a:extLst>
          </p:cNvPr>
          <p:cNvSpPr txBox="1">
            <a:spLocks/>
          </p:cNvSpPr>
          <p:nvPr userDrawn="1"/>
        </p:nvSpPr>
        <p:spPr>
          <a:xfrm>
            <a:off x="481013" y="6240280"/>
            <a:ext cx="412039" cy="185426"/>
          </a:xfrm>
          <a:prstGeom prst="rect">
            <a:avLst/>
          </a:prstGeom>
        </p:spPr>
        <p:txBody>
          <a:bodyPr vert="horz" wrap="none" lIns="0" tIns="0" rIns="0" bIns="0" rtlCol="0" anchor="t"/>
          <a:lstStyle>
            <a:defPPr>
              <a:defRPr lang="en-US"/>
            </a:defPPr>
            <a:lvl1pPr marL="0" algn="l"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43A204BC-C5BA-4EF4-ABC8-D45123A0C528}" type="slidenum">
              <a:rPr lang="en-GB" smtClean="0">
                <a:solidFill>
                  <a:srgbClr val="687A86"/>
                </a:solidFill>
              </a:rPr>
              <a:pPr/>
              <a:t>‹#›</a:t>
            </a:fld>
            <a:endParaRPr lang="en-GB">
              <a:solidFill>
                <a:srgbClr val="687A86"/>
              </a:solidFill>
            </a:endParaRPr>
          </a:p>
        </p:txBody>
      </p:sp>
      <p:sp>
        <p:nvSpPr>
          <p:cNvPr id="11" name="TextBox 10">
            <a:extLst>
              <a:ext uri="{FF2B5EF4-FFF2-40B4-BE49-F238E27FC236}">
                <a16:creationId xmlns:a16="http://schemas.microsoft.com/office/drawing/2014/main" id="{9B843B23-C63E-4261-B396-17B8B2D9BC6C}"/>
              </a:ext>
            </a:extLst>
          </p:cNvPr>
          <p:cNvSpPr txBox="1"/>
          <p:nvPr userDrawn="1"/>
        </p:nvSpPr>
        <p:spPr>
          <a:xfrm>
            <a:off x="4046483" y="6224378"/>
            <a:ext cx="4099035" cy="184666"/>
          </a:xfrm>
          <a:prstGeom prst="rect">
            <a:avLst/>
          </a:prstGeom>
          <a:noFill/>
        </p:spPr>
        <p:txBody>
          <a:bodyPr wrap="square" lIns="0" tIns="0" rIns="0" bIns="0" rtlCol="0">
            <a:spAutoFit/>
          </a:bodyPr>
          <a:lstStyle/>
          <a:p>
            <a:pPr algn="ctr"/>
            <a:r>
              <a:rPr lang="da-DK" sz="1200">
                <a:solidFill>
                  <a:schemeClr val="tx2"/>
                </a:solidFill>
                <a:latin typeface="Maersk Headline Light" panose="00000400000000000000" pitchFamily="50" charset="0"/>
              </a:rPr>
              <a:t>No </a:t>
            </a:r>
            <a:r>
              <a:rPr lang="da-DK" sz="1200" err="1">
                <a:solidFill>
                  <a:schemeClr val="tx2"/>
                </a:solidFill>
                <a:latin typeface="Maersk Headline Light" panose="00000400000000000000" pitchFamily="50" charset="0"/>
              </a:rPr>
              <a:t>resource</a:t>
            </a:r>
            <a:r>
              <a:rPr lang="da-DK" sz="1200">
                <a:solidFill>
                  <a:schemeClr val="tx2"/>
                </a:solidFill>
                <a:latin typeface="Maersk Headline Light" panose="00000400000000000000" pitchFamily="50" charset="0"/>
              </a:rPr>
              <a:t> </a:t>
            </a:r>
            <a:r>
              <a:rPr lang="da-DK" sz="1200" err="1">
                <a:solidFill>
                  <a:schemeClr val="tx2"/>
                </a:solidFill>
                <a:latin typeface="Maersk Headline Light" panose="00000400000000000000" pitchFamily="50" charset="0"/>
              </a:rPr>
              <a:t>wasted</a:t>
            </a:r>
            <a:endParaRPr lang="da-DK" sz="1200">
              <a:solidFill>
                <a:schemeClr val="tx2"/>
              </a:solidFill>
              <a:latin typeface="Maersk Headline Light" panose="00000400000000000000" pitchFamily="50" charset="0"/>
            </a:endParaRPr>
          </a:p>
        </p:txBody>
      </p:sp>
    </p:spTree>
    <p:extLst>
      <p:ext uri="{BB962C8B-B14F-4D97-AF65-F5344CB8AC3E}">
        <p14:creationId xmlns:p14="http://schemas.microsoft.com/office/powerpoint/2010/main" val="240251970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Case story C">
    <p:spTree>
      <p:nvGrpSpPr>
        <p:cNvPr id="1" name=""/>
        <p:cNvGrpSpPr/>
        <p:nvPr/>
      </p:nvGrpSpPr>
      <p:grpSpPr>
        <a:xfrm>
          <a:off x="0" y="0"/>
          <a:ext cx="0" cy="0"/>
          <a:chOff x="0" y="0"/>
          <a:chExt cx="0" cy="0"/>
        </a:xfrm>
      </p:grpSpPr>
      <p:sp>
        <p:nvSpPr>
          <p:cNvPr id="11" name="Background">
            <a:extLst>
              <a:ext uri="{FF2B5EF4-FFF2-40B4-BE49-F238E27FC236}">
                <a16:creationId xmlns:a16="http://schemas.microsoft.com/office/drawing/2014/main" id="{AF81BF6F-7D05-4852-828C-3879CADCF160}"/>
              </a:ext>
            </a:extLst>
          </p:cNvPr>
          <p:cNvSpPr/>
          <p:nvPr userDrawn="1"/>
        </p:nvSpPr>
        <p:spPr>
          <a:xfrm>
            <a:off x="0" y="0"/>
            <a:ext cx="12190476" cy="6858000"/>
          </a:xfrm>
          <a:prstGeom prst="rect">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GB" sz="2000" noProof="0" err="1"/>
          </a:p>
        </p:txBody>
      </p:sp>
      <p:sp>
        <p:nvSpPr>
          <p:cNvPr id="17" name="Title 1">
            <a:extLst>
              <a:ext uri="{FF2B5EF4-FFF2-40B4-BE49-F238E27FC236}">
                <a16:creationId xmlns:a16="http://schemas.microsoft.com/office/drawing/2014/main" id="{D1FB8002-AF3C-460C-BA7E-9F5263B687BF}"/>
              </a:ext>
            </a:extLst>
          </p:cNvPr>
          <p:cNvSpPr>
            <a:spLocks noGrp="1"/>
          </p:cNvSpPr>
          <p:nvPr>
            <p:ph type="title" hasCustomPrompt="1"/>
          </p:nvPr>
        </p:nvSpPr>
        <p:spPr>
          <a:xfrm>
            <a:off x="500062" y="2696400"/>
            <a:ext cx="5484813" cy="1947600"/>
          </a:xfrm>
        </p:spPr>
        <p:txBody>
          <a:bodyPr/>
          <a:lstStyle>
            <a:lvl1pPr>
              <a:tabLst>
                <a:tab pos="936000" algn="l"/>
              </a:tabLst>
              <a:defRPr sz="4000" b="0">
                <a:solidFill>
                  <a:schemeClr val="bg2"/>
                </a:solidFill>
                <a:latin typeface="+mj-lt"/>
              </a:defRPr>
            </a:lvl1pPr>
          </a:lstStyle>
          <a:p>
            <a:r>
              <a:rPr lang="en-GB" noProof="0"/>
              <a:t>Click to add title, tab for first line indent</a:t>
            </a:r>
          </a:p>
        </p:txBody>
      </p:sp>
      <p:sp>
        <p:nvSpPr>
          <p:cNvPr id="22" name="Content Placeholder 3">
            <a:extLst>
              <a:ext uri="{FF2B5EF4-FFF2-40B4-BE49-F238E27FC236}">
                <a16:creationId xmlns:a16="http://schemas.microsoft.com/office/drawing/2014/main" id="{F804FBC7-9C3E-4D1D-B918-9B6E55CB4AFF}"/>
              </a:ext>
            </a:extLst>
          </p:cNvPr>
          <p:cNvSpPr>
            <a:spLocks noGrp="1"/>
          </p:cNvSpPr>
          <p:nvPr>
            <p:ph sz="quarter" idx="19" hasCustomPrompt="1"/>
          </p:nvPr>
        </p:nvSpPr>
        <p:spPr>
          <a:xfrm>
            <a:off x="500062" y="5428800"/>
            <a:ext cx="5486400" cy="273600"/>
          </a:xfrm>
        </p:spPr>
        <p:txBody>
          <a:bodyPr anchor="b" anchorCtr="0"/>
          <a:lstStyle>
            <a:lvl1pPr marL="0" indent="0">
              <a:buNone/>
              <a:defRPr sz="2400">
                <a:solidFill>
                  <a:schemeClr val="tx1"/>
                </a:solidFill>
                <a:latin typeface="+mj-lt"/>
              </a:defRPr>
            </a:lvl1pPr>
            <a:lvl2pPr marL="180000" indent="0">
              <a:buNone/>
              <a:defRPr/>
            </a:lvl2pPr>
          </a:lstStyle>
          <a:p>
            <a:pPr lvl="0"/>
            <a:r>
              <a:rPr lang="en-GB"/>
              <a:t>Click to add text</a:t>
            </a:r>
            <a:endParaRPr lang="en-US"/>
          </a:p>
        </p:txBody>
      </p:sp>
      <p:sp>
        <p:nvSpPr>
          <p:cNvPr id="6" name="Date Placeholder 5" hidden="1">
            <a:extLst>
              <a:ext uri="{FF2B5EF4-FFF2-40B4-BE49-F238E27FC236}">
                <a16:creationId xmlns:a16="http://schemas.microsoft.com/office/drawing/2014/main" id="{BC8FE318-906F-4EA5-9B25-B9CA26679122}"/>
              </a:ext>
            </a:extLst>
          </p:cNvPr>
          <p:cNvSpPr>
            <a:spLocks noGrp="1"/>
          </p:cNvSpPr>
          <p:nvPr>
            <p:ph type="dt" sz="half" idx="15"/>
          </p:nvPr>
        </p:nvSpPr>
        <p:spPr>
          <a:xfrm>
            <a:off x="0" y="6858000"/>
            <a:ext cx="0" cy="0"/>
          </a:xfrm>
        </p:spPr>
        <p:txBody>
          <a:bodyPr/>
          <a:lstStyle/>
          <a:p>
            <a:endParaRPr lang="en-GB"/>
          </a:p>
        </p:txBody>
      </p:sp>
      <p:sp>
        <p:nvSpPr>
          <p:cNvPr id="27" name="Footer Placeholder 18" hidden="1">
            <a:extLst>
              <a:ext uri="{FF2B5EF4-FFF2-40B4-BE49-F238E27FC236}">
                <a16:creationId xmlns:a16="http://schemas.microsoft.com/office/drawing/2014/main" id="{7BC00E8E-7767-4CBC-8922-35975B938062}"/>
              </a:ext>
            </a:extLst>
          </p:cNvPr>
          <p:cNvSpPr>
            <a:spLocks noGrp="1"/>
          </p:cNvSpPr>
          <p:nvPr>
            <p:ph type="ftr" sz="quarter" idx="16"/>
          </p:nvPr>
        </p:nvSpPr>
        <p:spPr>
          <a:xfrm>
            <a:off x="0" y="6858000"/>
            <a:ext cx="0" cy="0"/>
          </a:xfrm>
          <a:prstGeom prst="rect">
            <a:avLst/>
          </a:prstGeom>
        </p:spPr>
        <p:txBody>
          <a:bodyPr/>
          <a:lstStyle>
            <a:lvl1pPr>
              <a:defRPr sz="100">
                <a:noFill/>
              </a:defRPr>
            </a:lvl1pPr>
          </a:lstStyle>
          <a:p>
            <a:endParaRPr lang="en-GB"/>
          </a:p>
        </p:txBody>
      </p:sp>
      <p:sp>
        <p:nvSpPr>
          <p:cNvPr id="28" name="Slide Number Placeholder 19" hidden="1">
            <a:extLst>
              <a:ext uri="{FF2B5EF4-FFF2-40B4-BE49-F238E27FC236}">
                <a16:creationId xmlns:a16="http://schemas.microsoft.com/office/drawing/2014/main" id="{768E6C0E-9500-4A30-831D-49B7D31ACD26}"/>
              </a:ext>
            </a:extLst>
          </p:cNvPr>
          <p:cNvSpPr>
            <a:spLocks noGrp="1"/>
          </p:cNvSpPr>
          <p:nvPr>
            <p:ph type="sldNum" sz="quarter" idx="17"/>
          </p:nvPr>
        </p:nvSpPr>
        <p:spPr>
          <a:xfrm>
            <a:off x="0" y="6858000"/>
            <a:ext cx="0" cy="0"/>
          </a:xfrm>
        </p:spPr>
        <p:txBody>
          <a:bodyPr/>
          <a:lstStyle>
            <a:lvl1pPr>
              <a:defRPr sz="100">
                <a:noFill/>
              </a:defRPr>
            </a:lvl1pPr>
          </a:lstStyle>
          <a:p>
            <a:r>
              <a:rPr lang="en-GB"/>
              <a:t>.</a:t>
            </a:r>
          </a:p>
        </p:txBody>
      </p:sp>
      <p:sp>
        <p:nvSpPr>
          <p:cNvPr id="12" name="Content Placeholder 2">
            <a:extLst>
              <a:ext uri="{FF2B5EF4-FFF2-40B4-BE49-F238E27FC236}">
                <a16:creationId xmlns:a16="http://schemas.microsoft.com/office/drawing/2014/main" id="{F3AD7A23-5450-4FE2-A0B1-CDDCDD66AAFF}"/>
              </a:ext>
            </a:extLst>
          </p:cNvPr>
          <p:cNvSpPr>
            <a:spLocks noGrp="1"/>
          </p:cNvSpPr>
          <p:nvPr>
            <p:ph sz="quarter" idx="21" hasCustomPrompt="1"/>
          </p:nvPr>
        </p:nvSpPr>
        <p:spPr>
          <a:xfrm>
            <a:off x="1052033" y="6240280"/>
            <a:ext cx="2862000" cy="185426"/>
          </a:xfrm>
        </p:spPr>
        <p:txBody>
          <a:bodyPr/>
          <a:lstStyle>
            <a:lvl1pPr marL="0" indent="0">
              <a:buNone/>
              <a:defRPr sz="900">
                <a:solidFill>
                  <a:schemeClr val="tx1"/>
                </a:solidFill>
              </a:defRPr>
            </a:lvl1pPr>
            <a:lvl2pPr marL="180000" indent="0">
              <a:buNone/>
              <a:defRPr/>
            </a:lvl2pPr>
          </a:lstStyle>
          <a:p>
            <a:pPr lvl="0"/>
            <a:r>
              <a:rPr lang="en-GB"/>
              <a:t>Insert case story</a:t>
            </a:r>
          </a:p>
        </p:txBody>
      </p:sp>
      <p:sp>
        <p:nvSpPr>
          <p:cNvPr id="14" name="Slide Number Placeholder 9">
            <a:extLst>
              <a:ext uri="{FF2B5EF4-FFF2-40B4-BE49-F238E27FC236}">
                <a16:creationId xmlns:a16="http://schemas.microsoft.com/office/drawing/2014/main" id="{D3B75D94-C242-407D-AE81-095ABA5F5083}"/>
              </a:ext>
            </a:extLst>
          </p:cNvPr>
          <p:cNvSpPr txBox="1">
            <a:spLocks/>
          </p:cNvSpPr>
          <p:nvPr userDrawn="1"/>
        </p:nvSpPr>
        <p:spPr>
          <a:xfrm>
            <a:off x="481013" y="6240280"/>
            <a:ext cx="412039" cy="185426"/>
          </a:xfrm>
          <a:prstGeom prst="rect">
            <a:avLst/>
          </a:prstGeom>
        </p:spPr>
        <p:txBody>
          <a:bodyPr vert="horz" wrap="none" lIns="0" tIns="0" rIns="0" bIns="0" rtlCol="0" anchor="t"/>
          <a:lstStyle>
            <a:defPPr>
              <a:defRPr lang="en-US"/>
            </a:defPPr>
            <a:lvl1pPr marL="0" algn="l"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43A204BC-C5BA-4EF4-ABC8-D45123A0C528}" type="slidenum">
              <a:rPr lang="en-GB" smtClean="0">
                <a:solidFill>
                  <a:schemeClr val="tx1"/>
                </a:solidFill>
              </a:rPr>
              <a:pPr/>
              <a:t>‹#›</a:t>
            </a:fld>
            <a:endParaRPr lang="en-GB">
              <a:solidFill>
                <a:schemeClr val="tx1"/>
              </a:solidFill>
            </a:endParaRPr>
          </a:p>
        </p:txBody>
      </p:sp>
      <p:sp>
        <p:nvSpPr>
          <p:cNvPr id="13" name="Logo Placeholder 9">
            <a:extLst>
              <a:ext uri="{FF2B5EF4-FFF2-40B4-BE49-F238E27FC236}">
                <a16:creationId xmlns:a16="http://schemas.microsoft.com/office/drawing/2014/main" id="{F259147F-B2A2-427A-B9A9-6AE0B3E45635}"/>
              </a:ext>
            </a:extLst>
          </p:cNvPr>
          <p:cNvSpPr>
            <a:spLocks noGrp="1"/>
          </p:cNvSpPr>
          <p:nvPr>
            <p:ph type="body" sz="quarter" idx="14" hasCustomPrompt="1"/>
          </p:nvPr>
        </p:nvSpPr>
        <p:spPr>
          <a:xfrm>
            <a:off x="10313965" y="5975285"/>
            <a:ext cx="1885918" cy="890598"/>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p>
        </p:txBody>
      </p:sp>
      <p:sp>
        <p:nvSpPr>
          <p:cNvPr id="15" name="TextBox 14">
            <a:extLst>
              <a:ext uri="{FF2B5EF4-FFF2-40B4-BE49-F238E27FC236}">
                <a16:creationId xmlns:a16="http://schemas.microsoft.com/office/drawing/2014/main" id="{83E59AB1-3675-4C7A-98B7-3163B7DA5FC3}"/>
              </a:ext>
            </a:extLst>
          </p:cNvPr>
          <p:cNvSpPr txBox="1"/>
          <p:nvPr userDrawn="1"/>
        </p:nvSpPr>
        <p:spPr>
          <a:xfrm>
            <a:off x="4046483" y="6224378"/>
            <a:ext cx="4099035" cy="184666"/>
          </a:xfrm>
          <a:prstGeom prst="rect">
            <a:avLst/>
          </a:prstGeom>
          <a:noFill/>
        </p:spPr>
        <p:txBody>
          <a:bodyPr wrap="square" lIns="0" tIns="0" rIns="0" bIns="0" rtlCol="0">
            <a:spAutoFit/>
          </a:bodyPr>
          <a:lstStyle/>
          <a:p>
            <a:pPr algn="ctr"/>
            <a:r>
              <a:rPr lang="da-DK" sz="1200">
                <a:solidFill>
                  <a:schemeClr val="tx2"/>
                </a:solidFill>
                <a:latin typeface="Maersk Headline Light" panose="00000400000000000000" pitchFamily="50" charset="0"/>
              </a:rPr>
              <a:t>No </a:t>
            </a:r>
            <a:r>
              <a:rPr lang="da-DK" sz="1200" err="1">
                <a:solidFill>
                  <a:schemeClr val="tx2"/>
                </a:solidFill>
                <a:latin typeface="Maersk Headline Light" panose="00000400000000000000" pitchFamily="50" charset="0"/>
              </a:rPr>
              <a:t>resource</a:t>
            </a:r>
            <a:r>
              <a:rPr lang="da-DK" sz="1200">
                <a:solidFill>
                  <a:schemeClr val="tx2"/>
                </a:solidFill>
                <a:latin typeface="Maersk Headline Light" panose="00000400000000000000" pitchFamily="50" charset="0"/>
              </a:rPr>
              <a:t> </a:t>
            </a:r>
            <a:r>
              <a:rPr lang="da-DK" sz="1200" err="1">
                <a:solidFill>
                  <a:schemeClr val="tx2"/>
                </a:solidFill>
                <a:latin typeface="Maersk Headline Light" panose="00000400000000000000" pitchFamily="50" charset="0"/>
              </a:rPr>
              <a:t>wasted</a:t>
            </a:r>
            <a:endParaRPr lang="da-DK" sz="1200">
              <a:solidFill>
                <a:schemeClr val="tx2"/>
              </a:solidFill>
              <a:latin typeface="Maersk Headline Light" panose="00000400000000000000" pitchFamily="50" charset="0"/>
            </a:endParaRPr>
          </a:p>
        </p:txBody>
      </p:sp>
    </p:spTree>
    <p:extLst>
      <p:ext uri="{BB962C8B-B14F-4D97-AF65-F5344CB8AC3E}">
        <p14:creationId xmlns:p14="http://schemas.microsoft.com/office/powerpoint/2010/main" val="3924475562"/>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Case story D">
    <p:spTree>
      <p:nvGrpSpPr>
        <p:cNvPr id="1" name=""/>
        <p:cNvGrpSpPr/>
        <p:nvPr/>
      </p:nvGrpSpPr>
      <p:grpSpPr>
        <a:xfrm>
          <a:off x="0" y="0"/>
          <a:ext cx="0" cy="0"/>
          <a:chOff x="0" y="0"/>
          <a:chExt cx="0" cy="0"/>
        </a:xfrm>
      </p:grpSpPr>
      <p:sp>
        <p:nvSpPr>
          <p:cNvPr id="23" name="Picture Placeholder 3"/>
          <p:cNvSpPr>
            <a:spLocks noGrp="1"/>
          </p:cNvSpPr>
          <p:nvPr>
            <p:ph type="pic" sz="quarter" idx="14" hasCustomPrompt="1"/>
          </p:nvPr>
        </p:nvSpPr>
        <p:spPr>
          <a:xfrm>
            <a:off x="6223001" y="501650"/>
            <a:ext cx="5467350" cy="5135563"/>
          </a:xfrm>
          <a:noFill/>
        </p:spPr>
        <p:txBody>
          <a:bodyPr tIns="72000" anchor="t" anchorCtr="0"/>
          <a:lstStyle>
            <a:lvl1pPr marL="0" marR="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sz="1200"/>
            </a:lvl1pPr>
          </a:lstStyle>
          <a:p>
            <a:r>
              <a:rPr lang="en-GB"/>
              <a:t>Click the icon to add a picture</a:t>
            </a:r>
          </a:p>
        </p:txBody>
      </p:sp>
      <p:sp>
        <p:nvSpPr>
          <p:cNvPr id="31" name="Title 1">
            <a:extLst>
              <a:ext uri="{FF2B5EF4-FFF2-40B4-BE49-F238E27FC236}">
                <a16:creationId xmlns:a16="http://schemas.microsoft.com/office/drawing/2014/main" id="{740DA269-FA7A-44B3-BAB8-307D66285E09}"/>
              </a:ext>
            </a:extLst>
          </p:cNvPr>
          <p:cNvSpPr>
            <a:spLocks noGrp="1"/>
          </p:cNvSpPr>
          <p:nvPr>
            <p:ph type="title" hasCustomPrompt="1"/>
          </p:nvPr>
        </p:nvSpPr>
        <p:spPr>
          <a:xfrm>
            <a:off x="500062" y="2696400"/>
            <a:ext cx="5484813" cy="1947600"/>
          </a:xfrm>
        </p:spPr>
        <p:txBody>
          <a:bodyPr/>
          <a:lstStyle>
            <a:lvl1pPr>
              <a:tabLst>
                <a:tab pos="936000" algn="l"/>
              </a:tabLst>
              <a:defRPr sz="4000" b="0">
                <a:solidFill>
                  <a:schemeClr val="tx1"/>
                </a:solidFill>
                <a:latin typeface="+mj-lt"/>
              </a:defRPr>
            </a:lvl1pPr>
          </a:lstStyle>
          <a:p>
            <a:r>
              <a:rPr lang="en-GB" noProof="0"/>
              <a:t>Click to add title, tab for first line indent</a:t>
            </a:r>
          </a:p>
        </p:txBody>
      </p:sp>
      <p:sp>
        <p:nvSpPr>
          <p:cNvPr id="12" name="Content Placeholder 3">
            <a:extLst>
              <a:ext uri="{FF2B5EF4-FFF2-40B4-BE49-F238E27FC236}">
                <a16:creationId xmlns:a16="http://schemas.microsoft.com/office/drawing/2014/main" id="{37DD9DDB-5F46-40A0-A8FA-05AFD85DDCF9}"/>
              </a:ext>
            </a:extLst>
          </p:cNvPr>
          <p:cNvSpPr>
            <a:spLocks noGrp="1"/>
          </p:cNvSpPr>
          <p:nvPr>
            <p:ph sz="quarter" idx="19" hasCustomPrompt="1"/>
          </p:nvPr>
        </p:nvSpPr>
        <p:spPr>
          <a:xfrm>
            <a:off x="500062" y="5428800"/>
            <a:ext cx="5486400" cy="273600"/>
          </a:xfrm>
        </p:spPr>
        <p:txBody>
          <a:bodyPr anchor="b" anchorCtr="0"/>
          <a:lstStyle>
            <a:lvl1pPr marL="0" indent="0">
              <a:buNone/>
              <a:defRPr sz="2400">
                <a:solidFill>
                  <a:schemeClr val="tx1"/>
                </a:solidFill>
                <a:latin typeface="+mj-lt"/>
              </a:defRPr>
            </a:lvl1pPr>
            <a:lvl2pPr marL="180000" indent="0">
              <a:buNone/>
              <a:defRPr/>
            </a:lvl2pPr>
          </a:lstStyle>
          <a:p>
            <a:pPr lvl="0"/>
            <a:r>
              <a:rPr lang="en-GB"/>
              <a:t>Click to add text</a:t>
            </a:r>
            <a:endParaRPr lang="en-US"/>
          </a:p>
        </p:txBody>
      </p:sp>
      <p:sp>
        <p:nvSpPr>
          <p:cNvPr id="6" name="Date Placeholder 5" hidden="1">
            <a:extLst>
              <a:ext uri="{FF2B5EF4-FFF2-40B4-BE49-F238E27FC236}">
                <a16:creationId xmlns:a16="http://schemas.microsoft.com/office/drawing/2014/main" id="{BC8FE318-906F-4EA5-9B25-B9CA26679122}"/>
              </a:ext>
            </a:extLst>
          </p:cNvPr>
          <p:cNvSpPr>
            <a:spLocks noGrp="1"/>
          </p:cNvSpPr>
          <p:nvPr>
            <p:ph type="dt" sz="half" idx="15"/>
          </p:nvPr>
        </p:nvSpPr>
        <p:spPr>
          <a:xfrm>
            <a:off x="0" y="6858000"/>
            <a:ext cx="0" cy="0"/>
          </a:xfrm>
        </p:spPr>
        <p:txBody>
          <a:bodyPr/>
          <a:lstStyle/>
          <a:p>
            <a:endParaRPr lang="en-GB"/>
          </a:p>
        </p:txBody>
      </p:sp>
      <p:sp>
        <p:nvSpPr>
          <p:cNvPr id="27" name="Footer Placeholder 18" hidden="1">
            <a:extLst>
              <a:ext uri="{FF2B5EF4-FFF2-40B4-BE49-F238E27FC236}">
                <a16:creationId xmlns:a16="http://schemas.microsoft.com/office/drawing/2014/main" id="{7BC00E8E-7767-4CBC-8922-35975B938062}"/>
              </a:ext>
            </a:extLst>
          </p:cNvPr>
          <p:cNvSpPr>
            <a:spLocks noGrp="1"/>
          </p:cNvSpPr>
          <p:nvPr>
            <p:ph type="ftr" sz="quarter" idx="16"/>
          </p:nvPr>
        </p:nvSpPr>
        <p:spPr>
          <a:xfrm>
            <a:off x="0" y="6858000"/>
            <a:ext cx="0" cy="0"/>
          </a:xfrm>
          <a:prstGeom prst="rect">
            <a:avLst/>
          </a:prstGeom>
        </p:spPr>
        <p:txBody>
          <a:bodyPr/>
          <a:lstStyle>
            <a:lvl1pPr>
              <a:defRPr sz="100">
                <a:noFill/>
              </a:defRPr>
            </a:lvl1pPr>
          </a:lstStyle>
          <a:p>
            <a:endParaRPr lang="en-GB"/>
          </a:p>
        </p:txBody>
      </p:sp>
      <p:sp>
        <p:nvSpPr>
          <p:cNvPr id="28" name="Slide Number Placeholder 19" hidden="1">
            <a:extLst>
              <a:ext uri="{FF2B5EF4-FFF2-40B4-BE49-F238E27FC236}">
                <a16:creationId xmlns:a16="http://schemas.microsoft.com/office/drawing/2014/main" id="{768E6C0E-9500-4A30-831D-49B7D31ACD26}"/>
              </a:ext>
            </a:extLst>
          </p:cNvPr>
          <p:cNvSpPr>
            <a:spLocks noGrp="1"/>
          </p:cNvSpPr>
          <p:nvPr>
            <p:ph type="sldNum" sz="quarter" idx="17"/>
          </p:nvPr>
        </p:nvSpPr>
        <p:spPr>
          <a:xfrm>
            <a:off x="0" y="6858000"/>
            <a:ext cx="0" cy="0"/>
          </a:xfrm>
        </p:spPr>
        <p:txBody>
          <a:bodyPr/>
          <a:lstStyle>
            <a:lvl1pPr>
              <a:defRPr sz="100">
                <a:noFill/>
              </a:defRPr>
            </a:lvl1pPr>
          </a:lstStyle>
          <a:p>
            <a:r>
              <a:rPr lang="en-GB"/>
              <a:t>.</a:t>
            </a:r>
          </a:p>
        </p:txBody>
      </p:sp>
      <p:sp>
        <p:nvSpPr>
          <p:cNvPr id="26" name="Content Placeholder 2">
            <a:extLst>
              <a:ext uri="{FF2B5EF4-FFF2-40B4-BE49-F238E27FC236}">
                <a16:creationId xmlns:a16="http://schemas.microsoft.com/office/drawing/2014/main" id="{8840EFC0-D156-4E6A-9F5B-079E8F716555}"/>
              </a:ext>
            </a:extLst>
          </p:cNvPr>
          <p:cNvSpPr>
            <a:spLocks noGrp="1"/>
          </p:cNvSpPr>
          <p:nvPr>
            <p:ph sz="quarter" idx="21" hasCustomPrompt="1"/>
          </p:nvPr>
        </p:nvSpPr>
        <p:spPr>
          <a:xfrm>
            <a:off x="1052033" y="6240280"/>
            <a:ext cx="2862000" cy="185426"/>
          </a:xfrm>
        </p:spPr>
        <p:txBody>
          <a:bodyPr/>
          <a:lstStyle>
            <a:lvl1pPr marL="0" indent="0">
              <a:buNone/>
              <a:defRPr sz="900">
                <a:solidFill>
                  <a:schemeClr val="tx1"/>
                </a:solidFill>
              </a:defRPr>
            </a:lvl1pPr>
            <a:lvl2pPr marL="180000" indent="0">
              <a:buNone/>
              <a:defRPr/>
            </a:lvl2pPr>
          </a:lstStyle>
          <a:p>
            <a:pPr lvl="0"/>
            <a:r>
              <a:rPr lang="en-GB"/>
              <a:t>Insert case story</a:t>
            </a:r>
          </a:p>
        </p:txBody>
      </p:sp>
      <p:sp>
        <p:nvSpPr>
          <p:cNvPr id="29" name="Slide Number Placeholder 9">
            <a:extLst>
              <a:ext uri="{FF2B5EF4-FFF2-40B4-BE49-F238E27FC236}">
                <a16:creationId xmlns:a16="http://schemas.microsoft.com/office/drawing/2014/main" id="{88579766-4BAE-4311-A2AD-8A7D8F46693F}"/>
              </a:ext>
            </a:extLst>
          </p:cNvPr>
          <p:cNvSpPr txBox="1">
            <a:spLocks/>
          </p:cNvSpPr>
          <p:nvPr userDrawn="1"/>
        </p:nvSpPr>
        <p:spPr>
          <a:xfrm>
            <a:off x="481013" y="6240280"/>
            <a:ext cx="412039" cy="185426"/>
          </a:xfrm>
          <a:prstGeom prst="rect">
            <a:avLst/>
          </a:prstGeom>
        </p:spPr>
        <p:txBody>
          <a:bodyPr vert="horz" wrap="none" lIns="0" tIns="0" rIns="0" bIns="0" rtlCol="0" anchor="t"/>
          <a:lstStyle>
            <a:defPPr>
              <a:defRPr lang="en-US"/>
            </a:defPPr>
            <a:lvl1pPr marL="0" algn="l"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43A204BC-C5BA-4EF4-ABC8-D45123A0C528}" type="slidenum">
              <a:rPr lang="en-GB" smtClean="0">
                <a:solidFill>
                  <a:schemeClr val="tx1"/>
                </a:solidFill>
              </a:rPr>
              <a:pPr/>
              <a:t>‹#›</a:t>
            </a:fld>
            <a:endParaRPr lang="en-GB">
              <a:solidFill>
                <a:schemeClr val="tx1"/>
              </a:solidFill>
            </a:endParaRPr>
          </a:p>
        </p:txBody>
      </p:sp>
      <p:sp>
        <p:nvSpPr>
          <p:cNvPr id="10" name="TextBox 9">
            <a:extLst>
              <a:ext uri="{FF2B5EF4-FFF2-40B4-BE49-F238E27FC236}">
                <a16:creationId xmlns:a16="http://schemas.microsoft.com/office/drawing/2014/main" id="{C6A84ECC-9C7C-4019-8D66-D35C36716878}"/>
              </a:ext>
            </a:extLst>
          </p:cNvPr>
          <p:cNvSpPr txBox="1"/>
          <p:nvPr userDrawn="1"/>
        </p:nvSpPr>
        <p:spPr>
          <a:xfrm>
            <a:off x="4046483" y="6224378"/>
            <a:ext cx="4099035" cy="184666"/>
          </a:xfrm>
          <a:prstGeom prst="rect">
            <a:avLst/>
          </a:prstGeom>
          <a:noFill/>
        </p:spPr>
        <p:txBody>
          <a:bodyPr wrap="square" lIns="0" tIns="0" rIns="0" bIns="0" rtlCol="0">
            <a:spAutoFit/>
          </a:bodyPr>
          <a:lstStyle/>
          <a:p>
            <a:pPr algn="ctr"/>
            <a:r>
              <a:rPr lang="da-DK" sz="1200">
                <a:solidFill>
                  <a:schemeClr val="tx2"/>
                </a:solidFill>
                <a:latin typeface="Maersk Headline Light" panose="00000400000000000000" pitchFamily="50" charset="0"/>
              </a:rPr>
              <a:t>No </a:t>
            </a:r>
            <a:r>
              <a:rPr lang="da-DK" sz="1200" err="1">
                <a:solidFill>
                  <a:schemeClr val="tx2"/>
                </a:solidFill>
                <a:latin typeface="Maersk Headline Light" panose="00000400000000000000" pitchFamily="50" charset="0"/>
              </a:rPr>
              <a:t>resource</a:t>
            </a:r>
            <a:r>
              <a:rPr lang="da-DK" sz="1200">
                <a:solidFill>
                  <a:schemeClr val="tx2"/>
                </a:solidFill>
                <a:latin typeface="Maersk Headline Light" panose="00000400000000000000" pitchFamily="50" charset="0"/>
              </a:rPr>
              <a:t> </a:t>
            </a:r>
            <a:r>
              <a:rPr lang="da-DK" sz="1200" err="1">
                <a:solidFill>
                  <a:schemeClr val="tx2"/>
                </a:solidFill>
                <a:latin typeface="Maersk Headline Light" panose="00000400000000000000" pitchFamily="50" charset="0"/>
              </a:rPr>
              <a:t>wasted</a:t>
            </a:r>
            <a:endParaRPr lang="da-DK" sz="1200">
              <a:solidFill>
                <a:schemeClr val="tx2"/>
              </a:solidFill>
              <a:latin typeface="Maersk Headline Light" panose="00000400000000000000" pitchFamily="50" charset="0"/>
            </a:endParaRPr>
          </a:p>
        </p:txBody>
      </p:sp>
    </p:spTree>
    <p:extLst>
      <p:ext uri="{BB962C8B-B14F-4D97-AF65-F5344CB8AC3E}">
        <p14:creationId xmlns:p14="http://schemas.microsoft.com/office/powerpoint/2010/main" val="989967180"/>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wo content grey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3" y="501650"/>
            <a:ext cx="11190287" cy="719138"/>
          </a:xfrm>
        </p:spPr>
        <p:txBody>
          <a:bodyPr/>
          <a:lstStyle>
            <a:lvl1pPr>
              <a:defRPr>
                <a:solidFill>
                  <a:schemeClr val="bg2"/>
                </a:solidFill>
              </a:defRPr>
            </a:lvl1pPr>
          </a:lstStyle>
          <a:p>
            <a:r>
              <a:rPr lang="en-GB"/>
              <a:t>Click to add title</a:t>
            </a:r>
          </a:p>
        </p:txBody>
      </p:sp>
      <p:sp>
        <p:nvSpPr>
          <p:cNvPr id="3" name="Content Placeholder 2"/>
          <p:cNvSpPr>
            <a:spLocks noGrp="1"/>
          </p:cNvSpPr>
          <p:nvPr>
            <p:ph sz="half" idx="1" hasCustomPrompt="1"/>
          </p:nvPr>
        </p:nvSpPr>
        <p:spPr>
          <a:xfrm>
            <a:off x="500399" y="1950097"/>
            <a:ext cx="5484475" cy="3687881"/>
          </a:xfrm>
          <a:solidFill>
            <a:schemeClr val="bg1">
              <a:lumMod val="95000"/>
            </a:schemeClr>
          </a:solidFill>
        </p:spPr>
        <p:txBody>
          <a:bodyPr lIns="237600" tIns="237600" rIns="237600" bIns="237600"/>
          <a:lstStyle>
            <a:lvl1pPr>
              <a:buClr>
                <a:schemeClr val="accent2"/>
              </a:buClr>
              <a:defRPr/>
            </a:lvl1pPr>
            <a:lvl2pPr>
              <a:buClr>
                <a:schemeClr val="accent2"/>
              </a:buClr>
              <a:defRPr/>
            </a:lvl2pPr>
            <a:lvl3pPr>
              <a:buClr>
                <a:schemeClr val="accent2"/>
              </a:buClr>
              <a:defRPr/>
            </a:lvl3pPr>
            <a:lvl4pPr>
              <a:defRPr>
                <a:solidFill>
                  <a:schemeClr val="accent2"/>
                </a:solidFill>
              </a:defRPr>
            </a:lvl4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4" name="Content Placeholder 3"/>
          <p:cNvSpPr>
            <a:spLocks noGrp="1"/>
          </p:cNvSpPr>
          <p:nvPr>
            <p:ph sz="half" idx="2" hasCustomPrompt="1"/>
          </p:nvPr>
        </p:nvSpPr>
        <p:spPr>
          <a:xfrm>
            <a:off x="6224788" y="1950097"/>
            <a:ext cx="5465562" cy="3687881"/>
          </a:xfrm>
          <a:solidFill>
            <a:schemeClr val="bg1">
              <a:lumMod val="95000"/>
            </a:schemeClr>
          </a:solidFill>
        </p:spPr>
        <p:txBody>
          <a:bodyPr lIns="237600" tIns="237600" rIns="237600" bIns="237600"/>
          <a:lstStyle>
            <a:lvl1pPr>
              <a:buClr>
                <a:schemeClr val="accent2"/>
              </a:buClr>
              <a:defRPr/>
            </a:lvl1pPr>
            <a:lvl2pPr>
              <a:buClr>
                <a:schemeClr val="accent2"/>
              </a:buClr>
              <a:defRPr/>
            </a:lvl2pPr>
            <a:lvl3pPr>
              <a:buClr>
                <a:schemeClr val="accent2"/>
              </a:buClr>
              <a:defRPr/>
            </a:lvl3pPr>
            <a:lvl4pPr>
              <a:defRPr>
                <a:solidFill>
                  <a:schemeClr val="accent2"/>
                </a:solidFill>
              </a:defRPr>
            </a:lvl4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13" name="Slide Number Placeholder 12">
            <a:extLst>
              <a:ext uri="{FF2B5EF4-FFF2-40B4-BE49-F238E27FC236}">
                <a16:creationId xmlns:a16="http://schemas.microsoft.com/office/drawing/2014/main" id="{E56BDAC3-1A7D-4E21-85A0-10315A7DA9F4}"/>
              </a:ext>
            </a:extLst>
          </p:cNvPr>
          <p:cNvSpPr>
            <a:spLocks noGrp="1"/>
          </p:cNvSpPr>
          <p:nvPr>
            <p:ph type="sldNum" sz="quarter" idx="16"/>
          </p:nvPr>
        </p:nvSpPr>
        <p:spPr/>
        <p:txBody>
          <a:bodyPr/>
          <a:lstStyle/>
          <a:p>
            <a:fld id="{43A204BC-C5BA-4EF4-ABC8-D45123A0C528}" type="slidenum">
              <a:rPr lang="en-GB" smtClean="0"/>
              <a:pPr/>
              <a:t>‹#›</a:t>
            </a:fld>
            <a:endParaRPr lang="en-GB"/>
          </a:p>
        </p:txBody>
      </p:sp>
      <p:sp>
        <p:nvSpPr>
          <p:cNvPr id="11" name="Date Placeholder 10" hidden="1">
            <a:extLst>
              <a:ext uri="{FF2B5EF4-FFF2-40B4-BE49-F238E27FC236}">
                <a16:creationId xmlns:a16="http://schemas.microsoft.com/office/drawing/2014/main" id="{C8F53383-3780-4626-A2BE-E67BBD0A1DFE}"/>
              </a:ext>
            </a:extLst>
          </p:cNvPr>
          <p:cNvSpPr>
            <a:spLocks noGrp="1"/>
          </p:cNvSpPr>
          <p:nvPr>
            <p:ph type="dt" sz="half" idx="14"/>
          </p:nvPr>
        </p:nvSpPr>
        <p:spPr/>
        <p:txBody>
          <a:bodyPr/>
          <a:lstStyle/>
          <a:p>
            <a:endParaRPr lang="en-GB"/>
          </a:p>
        </p:txBody>
      </p:sp>
      <p:sp>
        <p:nvSpPr>
          <p:cNvPr id="7" name="TextBox 6">
            <a:extLst>
              <a:ext uri="{FF2B5EF4-FFF2-40B4-BE49-F238E27FC236}">
                <a16:creationId xmlns:a16="http://schemas.microsoft.com/office/drawing/2014/main" id="{2F57EF8B-4B0E-4F99-AE81-8151D3A1FD52}"/>
              </a:ext>
            </a:extLst>
          </p:cNvPr>
          <p:cNvSpPr txBox="1"/>
          <p:nvPr userDrawn="1"/>
        </p:nvSpPr>
        <p:spPr>
          <a:xfrm>
            <a:off x="4046483" y="6224378"/>
            <a:ext cx="4099035" cy="184666"/>
          </a:xfrm>
          <a:prstGeom prst="rect">
            <a:avLst/>
          </a:prstGeom>
          <a:noFill/>
        </p:spPr>
        <p:txBody>
          <a:bodyPr wrap="square" lIns="0" tIns="0" rIns="0" bIns="0" rtlCol="0">
            <a:spAutoFit/>
          </a:bodyPr>
          <a:lstStyle/>
          <a:p>
            <a:pPr algn="ctr"/>
            <a:r>
              <a:rPr lang="da-DK" sz="1200">
                <a:solidFill>
                  <a:schemeClr val="tx2"/>
                </a:solidFill>
                <a:latin typeface="Maersk Headline Light" panose="00000400000000000000" pitchFamily="50" charset="0"/>
              </a:rPr>
              <a:t>No </a:t>
            </a:r>
            <a:r>
              <a:rPr lang="da-DK" sz="1200" err="1">
                <a:solidFill>
                  <a:schemeClr val="tx2"/>
                </a:solidFill>
                <a:latin typeface="Maersk Headline Light" panose="00000400000000000000" pitchFamily="50" charset="0"/>
              </a:rPr>
              <a:t>resource</a:t>
            </a:r>
            <a:r>
              <a:rPr lang="da-DK" sz="1200">
                <a:solidFill>
                  <a:schemeClr val="tx2"/>
                </a:solidFill>
                <a:latin typeface="Maersk Headline Light" panose="00000400000000000000" pitchFamily="50" charset="0"/>
              </a:rPr>
              <a:t> </a:t>
            </a:r>
            <a:r>
              <a:rPr lang="da-DK" sz="1200" err="1">
                <a:solidFill>
                  <a:schemeClr val="tx2"/>
                </a:solidFill>
                <a:latin typeface="Maersk Headline Light" panose="00000400000000000000" pitchFamily="50" charset="0"/>
              </a:rPr>
              <a:t>wasted</a:t>
            </a:r>
            <a:endParaRPr lang="da-DK" sz="1200">
              <a:solidFill>
                <a:schemeClr val="tx2"/>
              </a:solidFill>
              <a:latin typeface="Maersk Headline Light" panose="00000400000000000000" pitchFamily="50" charset="0"/>
            </a:endParaRPr>
          </a:p>
        </p:txBody>
      </p:sp>
    </p:spTree>
    <p:extLst>
      <p:ext uri="{BB962C8B-B14F-4D97-AF65-F5344CB8AC3E}">
        <p14:creationId xmlns:p14="http://schemas.microsoft.com/office/powerpoint/2010/main" val="1539030636"/>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wo content grey B">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500400" y="1950098"/>
            <a:ext cx="3560400" cy="3686400"/>
          </a:xfrm>
          <a:solidFill>
            <a:schemeClr val="bg1">
              <a:lumMod val="95000"/>
            </a:schemeClr>
          </a:solidFill>
        </p:spPr>
        <p:txBody>
          <a:bodyPr lIns="237600" tIns="237600" rIns="237600" bIns="237600"/>
          <a:lstStyle>
            <a:lvl1pPr>
              <a:buClr>
                <a:schemeClr val="accent2"/>
              </a:buClr>
              <a:defRPr/>
            </a:lvl1pPr>
            <a:lvl2pPr>
              <a:buClr>
                <a:schemeClr val="accent2"/>
              </a:buClr>
              <a:defRPr/>
            </a:lvl2pPr>
            <a:lvl3pPr>
              <a:buClr>
                <a:schemeClr val="accent2"/>
              </a:buClr>
              <a:defRPr/>
            </a:lvl3pPr>
            <a:lvl4pPr>
              <a:defRPr>
                <a:solidFill>
                  <a:schemeClr val="accent2"/>
                </a:solidFill>
              </a:defRPr>
            </a:lvl4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4" name="Content Placeholder 3"/>
          <p:cNvSpPr>
            <a:spLocks noGrp="1"/>
          </p:cNvSpPr>
          <p:nvPr>
            <p:ph sz="half" idx="2" hasCustomPrompt="1"/>
          </p:nvPr>
        </p:nvSpPr>
        <p:spPr>
          <a:xfrm>
            <a:off x="4327201" y="1950097"/>
            <a:ext cx="7363150" cy="3686400"/>
          </a:xfrm>
          <a:solidFill>
            <a:schemeClr val="bg1">
              <a:lumMod val="95000"/>
            </a:schemeClr>
          </a:solidFill>
        </p:spPr>
        <p:txBody>
          <a:bodyPr lIns="237600" tIns="237600" rIns="237600" bIns="237600"/>
          <a:lstStyle>
            <a:lvl1pPr>
              <a:buClr>
                <a:schemeClr val="accent2"/>
              </a:buClr>
              <a:defRPr/>
            </a:lvl1pPr>
            <a:lvl2pPr>
              <a:buClr>
                <a:schemeClr val="accent2"/>
              </a:buClr>
              <a:defRPr/>
            </a:lvl2pPr>
            <a:lvl3pPr>
              <a:buClr>
                <a:schemeClr val="accent2"/>
              </a:buClr>
              <a:defRPr/>
            </a:lvl3pPr>
            <a:lvl4pPr>
              <a:defRPr>
                <a:solidFill>
                  <a:schemeClr val="accent2"/>
                </a:solidFill>
              </a:defRPr>
            </a:lvl4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13" name="Slide Number Placeholder 12">
            <a:extLst>
              <a:ext uri="{FF2B5EF4-FFF2-40B4-BE49-F238E27FC236}">
                <a16:creationId xmlns:a16="http://schemas.microsoft.com/office/drawing/2014/main" id="{E56BDAC3-1A7D-4E21-85A0-10315A7DA9F4}"/>
              </a:ext>
            </a:extLst>
          </p:cNvPr>
          <p:cNvSpPr>
            <a:spLocks noGrp="1"/>
          </p:cNvSpPr>
          <p:nvPr>
            <p:ph type="sldNum" sz="quarter" idx="16"/>
          </p:nvPr>
        </p:nvSpPr>
        <p:spPr/>
        <p:txBody>
          <a:bodyPr/>
          <a:lstStyle/>
          <a:p>
            <a:fld id="{43A204BC-C5BA-4EF4-ABC8-D45123A0C528}" type="slidenum">
              <a:rPr lang="en-GB" smtClean="0"/>
              <a:pPr/>
              <a:t>‹#›</a:t>
            </a:fld>
            <a:endParaRPr lang="en-GB"/>
          </a:p>
        </p:txBody>
      </p:sp>
      <p:sp>
        <p:nvSpPr>
          <p:cNvPr id="11" name="Date Placeholder 10" hidden="1">
            <a:extLst>
              <a:ext uri="{FF2B5EF4-FFF2-40B4-BE49-F238E27FC236}">
                <a16:creationId xmlns:a16="http://schemas.microsoft.com/office/drawing/2014/main" id="{C8F53383-3780-4626-A2BE-E67BBD0A1DFE}"/>
              </a:ext>
            </a:extLst>
          </p:cNvPr>
          <p:cNvSpPr>
            <a:spLocks noGrp="1"/>
          </p:cNvSpPr>
          <p:nvPr>
            <p:ph type="dt" sz="half" idx="14"/>
          </p:nvPr>
        </p:nvSpPr>
        <p:spPr/>
        <p:txBody>
          <a:bodyPr/>
          <a:lstStyle/>
          <a:p>
            <a:endParaRPr lang="en-GB"/>
          </a:p>
        </p:txBody>
      </p:sp>
      <p:sp>
        <p:nvSpPr>
          <p:cNvPr id="5" name="Title 4">
            <a:extLst>
              <a:ext uri="{FF2B5EF4-FFF2-40B4-BE49-F238E27FC236}">
                <a16:creationId xmlns:a16="http://schemas.microsoft.com/office/drawing/2014/main" id="{CC0AB295-B1DB-4A8F-98EB-8D0294F0974A}"/>
              </a:ext>
            </a:extLst>
          </p:cNvPr>
          <p:cNvSpPr>
            <a:spLocks noGrp="1"/>
          </p:cNvSpPr>
          <p:nvPr>
            <p:ph type="title" hasCustomPrompt="1"/>
          </p:nvPr>
        </p:nvSpPr>
        <p:spPr/>
        <p:txBody>
          <a:bodyPr/>
          <a:lstStyle>
            <a:lvl1pPr>
              <a:defRPr>
                <a:solidFill>
                  <a:schemeClr val="bg2"/>
                </a:solidFill>
              </a:defRPr>
            </a:lvl1pPr>
          </a:lstStyle>
          <a:p>
            <a:r>
              <a:rPr lang="en-GB"/>
              <a:t>Click to add title</a:t>
            </a:r>
          </a:p>
        </p:txBody>
      </p:sp>
      <p:sp>
        <p:nvSpPr>
          <p:cNvPr id="7" name="TextBox 6">
            <a:extLst>
              <a:ext uri="{FF2B5EF4-FFF2-40B4-BE49-F238E27FC236}">
                <a16:creationId xmlns:a16="http://schemas.microsoft.com/office/drawing/2014/main" id="{C2657A01-0854-4B11-B06D-BE0BE22FEA7E}"/>
              </a:ext>
            </a:extLst>
          </p:cNvPr>
          <p:cNvSpPr txBox="1"/>
          <p:nvPr userDrawn="1"/>
        </p:nvSpPr>
        <p:spPr>
          <a:xfrm>
            <a:off x="4046483" y="6224378"/>
            <a:ext cx="4099035" cy="184666"/>
          </a:xfrm>
          <a:prstGeom prst="rect">
            <a:avLst/>
          </a:prstGeom>
          <a:noFill/>
        </p:spPr>
        <p:txBody>
          <a:bodyPr wrap="square" lIns="0" tIns="0" rIns="0" bIns="0" rtlCol="0">
            <a:spAutoFit/>
          </a:bodyPr>
          <a:lstStyle/>
          <a:p>
            <a:pPr algn="ctr"/>
            <a:r>
              <a:rPr lang="da-DK" sz="1200">
                <a:solidFill>
                  <a:schemeClr val="tx2"/>
                </a:solidFill>
                <a:latin typeface="Maersk Headline Light" panose="00000400000000000000" pitchFamily="50" charset="0"/>
              </a:rPr>
              <a:t>No </a:t>
            </a:r>
            <a:r>
              <a:rPr lang="da-DK" sz="1200" err="1">
                <a:solidFill>
                  <a:schemeClr val="tx2"/>
                </a:solidFill>
                <a:latin typeface="Maersk Headline Light" panose="00000400000000000000" pitchFamily="50" charset="0"/>
              </a:rPr>
              <a:t>resource</a:t>
            </a:r>
            <a:r>
              <a:rPr lang="da-DK" sz="1200">
                <a:solidFill>
                  <a:schemeClr val="tx2"/>
                </a:solidFill>
                <a:latin typeface="Maersk Headline Light" panose="00000400000000000000" pitchFamily="50" charset="0"/>
              </a:rPr>
              <a:t> </a:t>
            </a:r>
            <a:r>
              <a:rPr lang="da-DK" sz="1200" err="1">
                <a:solidFill>
                  <a:schemeClr val="tx2"/>
                </a:solidFill>
                <a:latin typeface="Maersk Headline Light" panose="00000400000000000000" pitchFamily="50" charset="0"/>
              </a:rPr>
              <a:t>wasted</a:t>
            </a:r>
            <a:endParaRPr lang="da-DK" sz="1200">
              <a:solidFill>
                <a:schemeClr val="tx2"/>
              </a:solidFill>
              <a:latin typeface="Maersk Headline Light" panose="00000400000000000000" pitchFamily="50" charset="0"/>
            </a:endParaRPr>
          </a:p>
        </p:txBody>
      </p:sp>
    </p:spTree>
    <p:extLst>
      <p:ext uri="{BB962C8B-B14F-4D97-AF65-F5344CB8AC3E}">
        <p14:creationId xmlns:p14="http://schemas.microsoft.com/office/powerpoint/2010/main" val="68303788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hree content gre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3" y="501650"/>
            <a:ext cx="11209537" cy="719138"/>
          </a:xfrm>
        </p:spPr>
        <p:txBody>
          <a:bodyPr/>
          <a:lstStyle>
            <a:lvl1pPr>
              <a:defRPr>
                <a:solidFill>
                  <a:schemeClr val="bg2"/>
                </a:solidFill>
              </a:defRPr>
            </a:lvl1pPr>
          </a:lstStyle>
          <a:p>
            <a:r>
              <a:rPr lang="en-GB"/>
              <a:t>Click to add title</a:t>
            </a:r>
          </a:p>
        </p:txBody>
      </p:sp>
      <p:sp>
        <p:nvSpPr>
          <p:cNvPr id="3" name="Content Placeholder 2"/>
          <p:cNvSpPr>
            <a:spLocks noGrp="1"/>
          </p:cNvSpPr>
          <p:nvPr>
            <p:ph sz="half" idx="1" hasCustomPrompt="1"/>
          </p:nvPr>
        </p:nvSpPr>
        <p:spPr>
          <a:xfrm>
            <a:off x="500063" y="1950097"/>
            <a:ext cx="3560736" cy="3687881"/>
          </a:xfrm>
          <a:solidFill>
            <a:schemeClr val="bg1">
              <a:lumMod val="95000"/>
            </a:schemeClr>
          </a:solidFill>
        </p:spPr>
        <p:txBody>
          <a:bodyPr lIns="237600" tIns="237600" rIns="237600" bIns="237600"/>
          <a:lstStyle>
            <a:lvl1pPr>
              <a:buClr>
                <a:schemeClr val="accent2"/>
              </a:buClr>
              <a:defRPr/>
            </a:lvl1pPr>
            <a:lvl2pPr>
              <a:buClr>
                <a:schemeClr val="accent2"/>
              </a:buClr>
              <a:defRPr/>
            </a:lvl2pPr>
            <a:lvl3pPr>
              <a:buClr>
                <a:schemeClr val="accent2"/>
              </a:buClr>
              <a:defRPr/>
            </a:lvl3pPr>
            <a:lvl4pPr>
              <a:defRPr>
                <a:solidFill>
                  <a:schemeClr val="accent2"/>
                </a:solidFill>
              </a:defRPr>
            </a:lvl4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4" name="Content Placeholder 3"/>
          <p:cNvSpPr>
            <a:spLocks noGrp="1"/>
          </p:cNvSpPr>
          <p:nvPr>
            <p:ph sz="half" idx="2" hasCustomPrompt="1"/>
          </p:nvPr>
        </p:nvSpPr>
        <p:spPr>
          <a:xfrm>
            <a:off x="4326138" y="1950097"/>
            <a:ext cx="3560736" cy="3687881"/>
          </a:xfrm>
          <a:solidFill>
            <a:schemeClr val="bg1">
              <a:lumMod val="95000"/>
            </a:schemeClr>
          </a:solidFill>
        </p:spPr>
        <p:txBody>
          <a:bodyPr lIns="237600" tIns="237600" rIns="237600" bIns="237600"/>
          <a:lstStyle>
            <a:lvl1pPr>
              <a:buClr>
                <a:schemeClr val="accent2"/>
              </a:buClr>
              <a:defRPr/>
            </a:lvl1pPr>
            <a:lvl2pPr>
              <a:buClr>
                <a:schemeClr val="accent2"/>
              </a:buClr>
              <a:defRPr/>
            </a:lvl2pPr>
            <a:lvl3pPr>
              <a:buClr>
                <a:schemeClr val="accent2"/>
              </a:buClr>
              <a:defRPr/>
            </a:lvl3pPr>
            <a:lvl4pPr>
              <a:defRPr>
                <a:solidFill>
                  <a:schemeClr val="accent2"/>
                </a:solidFill>
              </a:defRPr>
            </a:lvl4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8" name="Content Placeholder 3">
            <a:extLst>
              <a:ext uri="{FF2B5EF4-FFF2-40B4-BE49-F238E27FC236}">
                <a16:creationId xmlns:a16="http://schemas.microsoft.com/office/drawing/2014/main" id="{43327ACD-F89A-484C-8B15-F2161D2D5BCB}"/>
              </a:ext>
            </a:extLst>
          </p:cNvPr>
          <p:cNvSpPr>
            <a:spLocks noGrp="1"/>
          </p:cNvSpPr>
          <p:nvPr>
            <p:ph sz="half" idx="13" hasCustomPrompt="1"/>
          </p:nvPr>
        </p:nvSpPr>
        <p:spPr>
          <a:xfrm>
            <a:off x="8131175" y="1950097"/>
            <a:ext cx="3559175" cy="3687881"/>
          </a:xfrm>
          <a:solidFill>
            <a:schemeClr val="bg1">
              <a:lumMod val="95000"/>
            </a:schemeClr>
          </a:solidFill>
        </p:spPr>
        <p:txBody>
          <a:bodyPr lIns="237600" tIns="237600" rIns="237600" bIns="237600"/>
          <a:lstStyle>
            <a:lvl1pPr>
              <a:buClr>
                <a:schemeClr val="accent2"/>
              </a:buClr>
              <a:defRPr/>
            </a:lvl1pPr>
            <a:lvl2pPr>
              <a:buClr>
                <a:schemeClr val="accent2"/>
              </a:buClr>
              <a:defRPr/>
            </a:lvl2pPr>
            <a:lvl3pPr>
              <a:buClr>
                <a:schemeClr val="accent2"/>
              </a:buClr>
              <a:defRPr/>
            </a:lvl3pPr>
            <a:lvl4pPr>
              <a:defRPr>
                <a:solidFill>
                  <a:schemeClr val="accent2"/>
                </a:solidFill>
              </a:defRPr>
            </a:lvl4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13" name="Slide Number Placeholder 12">
            <a:extLst>
              <a:ext uri="{FF2B5EF4-FFF2-40B4-BE49-F238E27FC236}">
                <a16:creationId xmlns:a16="http://schemas.microsoft.com/office/drawing/2014/main" id="{E56BDAC3-1A7D-4E21-85A0-10315A7DA9F4}"/>
              </a:ext>
            </a:extLst>
          </p:cNvPr>
          <p:cNvSpPr>
            <a:spLocks noGrp="1"/>
          </p:cNvSpPr>
          <p:nvPr>
            <p:ph type="sldNum" sz="quarter" idx="16"/>
          </p:nvPr>
        </p:nvSpPr>
        <p:spPr/>
        <p:txBody>
          <a:bodyPr/>
          <a:lstStyle/>
          <a:p>
            <a:fld id="{43A204BC-C5BA-4EF4-ABC8-D45123A0C528}" type="slidenum">
              <a:rPr lang="en-GB" smtClean="0"/>
              <a:pPr/>
              <a:t>‹#›</a:t>
            </a:fld>
            <a:endParaRPr lang="en-GB"/>
          </a:p>
        </p:txBody>
      </p:sp>
      <p:sp>
        <p:nvSpPr>
          <p:cNvPr id="11" name="Date Placeholder 10" hidden="1">
            <a:extLst>
              <a:ext uri="{FF2B5EF4-FFF2-40B4-BE49-F238E27FC236}">
                <a16:creationId xmlns:a16="http://schemas.microsoft.com/office/drawing/2014/main" id="{C8F53383-3780-4626-A2BE-E67BBD0A1DFE}"/>
              </a:ext>
            </a:extLst>
          </p:cNvPr>
          <p:cNvSpPr>
            <a:spLocks noGrp="1"/>
          </p:cNvSpPr>
          <p:nvPr>
            <p:ph type="dt" sz="half" idx="14"/>
          </p:nvPr>
        </p:nvSpPr>
        <p:spPr/>
        <p:txBody>
          <a:bodyPr/>
          <a:lstStyle/>
          <a:p>
            <a:endParaRPr lang="en-GB"/>
          </a:p>
        </p:txBody>
      </p:sp>
      <p:sp>
        <p:nvSpPr>
          <p:cNvPr id="9" name="TextBox 8">
            <a:extLst>
              <a:ext uri="{FF2B5EF4-FFF2-40B4-BE49-F238E27FC236}">
                <a16:creationId xmlns:a16="http://schemas.microsoft.com/office/drawing/2014/main" id="{C71B3B52-16F4-4A44-9D0A-B27FB422A2A3}"/>
              </a:ext>
            </a:extLst>
          </p:cNvPr>
          <p:cNvSpPr txBox="1"/>
          <p:nvPr userDrawn="1"/>
        </p:nvSpPr>
        <p:spPr>
          <a:xfrm>
            <a:off x="4046483" y="6224378"/>
            <a:ext cx="4099035" cy="184666"/>
          </a:xfrm>
          <a:prstGeom prst="rect">
            <a:avLst/>
          </a:prstGeom>
          <a:noFill/>
        </p:spPr>
        <p:txBody>
          <a:bodyPr wrap="square" lIns="0" tIns="0" rIns="0" bIns="0" rtlCol="0">
            <a:spAutoFit/>
          </a:bodyPr>
          <a:lstStyle/>
          <a:p>
            <a:pPr algn="ctr"/>
            <a:r>
              <a:rPr lang="da-DK" sz="1200">
                <a:solidFill>
                  <a:schemeClr val="tx2"/>
                </a:solidFill>
                <a:latin typeface="Maersk Headline Light" panose="00000400000000000000" pitchFamily="50" charset="0"/>
              </a:rPr>
              <a:t>No </a:t>
            </a:r>
            <a:r>
              <a:rPr lang="da-DK" sz="1200" err="1">
                <a:solidFill>
                  <a:schemeClr val="tx2"/>
                </a:solidFill>
                <a:latin typeface="Maersk Headline Light" panose="00000400000000000000" pitchFamily="50" charset="0"/>
              </a:rPr>
              <a:t>resource</a:t>
            </a:r>
            <a:r>
              <a:rPr lang="da-DK" sz="1200">
                <a:solidFill>
                  <a:schemeClr val="tx2"/>
                </a:solidFill>
                <a:latin typeface="Maersk Headline Light" panose="00000400000000000000" pitchFamily="50" charset="0"/>
              </a:rPr>
              <a:t> </a:t>
            </a:r>
            <a:r>
              <a:rPr lang="da-DK" sz="1200" err="1">
                <a:solidFill>
                  <a:schemeClr val="tx2"/>
                </a:solidFill>
                <a:latin typeface="Maersk Headline Light" panose="00000400000000000000" pitchFamily="50" charset="0"/>
              </a:rPr>
              <a:t>wasted</a:t>
            </a:r>
            <a:endParaRPr lang="da-DK" sz="1200">
              <a:solidFill>
                <a:schemeClr val="tx2"/>
              </a:solidFill>
              <a:latin typeface="Maersk Headline Light" panose="00000400000000000000" pitchFamily="50" charset="0"/>
            </a:endParaRPr>
          </a:p>
        </p:txBody>
      </p:sp>
    </p:spTree>
    <p:extLst>
      <p:ext uri="{BB962C8B-B14F-4D97-AF65-F5344CB8AC3E}">
        <p14:creationId xmlns:p14="http://schemas.microsoft.com/office/powerpoint/2010/main" val="2483296304"/>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500399" y="1501255"/>
            <a:ext cx="5484476" cy="1940400"/>
          </a:xfrm>
          <a:solidFill>
            <a:schemeClr val="bg1"/>
          </a:solidFill>
        </p:spPr>
        <p:txBody>
          <a:bodyPr/>
          <a:lstStyle>
            <a:lvl1pPr>
              <a:buClr>
                <a:schemeClr val="accent2"/>
              </a:buClr>
              <a:defRPr/>
            </a:lvl1pPr>
            <a:lvl2pPr>
              <a:buClr>
                <a:schemeClr val="accent2"/>
              </a:buClr>
              <a:defRPr/>
            </a:lvl2pPr>
            <a:lvl3pPr>
              <a:buClr>
                <a:schemeClr val="accent2"/>
              </a:buClr>
              <a:defRPr/>
            </a:lvl3pPr>
            <a:lvl4pPr>
              <a:defRPr>
                <a:solidFill>
                  <a:schemeClr val="accent2"/>
                </a:solidFill>
              </a:defRPr>
            </a:lvl4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4" name="Content Placeholder 3"/>
          <p:cNvSpPr>
            <a:spLocks noGrp="1"/>
          </p:cNvSpPr>
          <p:nvPr>
            <p:ph sz="half" idx="2" hasCustomPrompt="1"/>
          </p:nvPr>
        </p:nvSpPr>
        <p:spPr>
          <a:xfrm>
            <a:off x="6225550" y="1501255"/>
            <a:ext cx="5464800" cy="1940400"/>
          </a:xfrm>
          <a:solidFill>
            <a:schemeClr val="bg1"/>
          </a:solidFill>
        </p:spPr>
        <p:txBody>
          <a:bodyPr/>
          <a:lstStyle>
            <a:lvl1pPr>
              <a:buClr>
                <a:schemeClr val="accent2"/>
              </a:buClr>
              <a:defRPr/>
            </a:lvl1pPr>
            <a:lvl2pPr>
              <a:buClr>
                <a:schemeClr val="accent2"/>
              </a:buClr>
              <a:defRPr/>
            </a:lvl2pPr>
            <a:lvl3pPr>
              <a:buClr>
                <a:schemeClr val="accent2"/>
              </a:buClr>
              <a:defRPr/>
            </a:lvl3pPr>
            <a:lvl4pPr>
              <a:defRPr>
                <a:solidFill>
                  <a:schemeClr val="accent2"/>
                </a:solidFill>
              </a:defRPr>
            </a:lvl4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8" name="Content Placeholder 3">
            <a:extLst>
              <a:ext uri="{FF2B5EF4-FFF2-40B4-BE49-F238E27FC236}">
                <a16:creationId xmlns:a16="http://schemas.microsoft.com/office/drawing/2014/main" id="{43327ACD-F89A-484C-8B15-F2161D2D5BCB}"/>
              </a:ext>
            </a:extLst>
          </p:cNvPr>
          <p:cNvSpPr>
            <a:spLocks noGrp="1"/>
          </p:cNvSpPr>
          <p:nvPr>
            <p:ph sz="half" idx="13" hasCustomPrompt="1"/>
          </p:nvPr>
        </p:nvSpPr>
        <p:spPr>
          <a:xfrm>
            <a:off x="500399" y="3678175"/>
            <a:ext cx="5484476" cy="1940400"/>
          </a:xfrm>
          <a:solidFill>
            <a:schemeClr val="bg1"/>
          </a:solidFill>
        </p:spPr>
        <p:txBody>
          <a:bodyPr/>
          <a:lstStyle>
            <a:lvl1pPr>
              <a:buClr>
                <a:schemeClr val="accent2"/>
              </a:buClr>
              <a:defRPr/>
            </a:lvl1pPr>
            <a:lvl2pPr>
              <a:buClr>
                <a:schemeClr val="accent2"/>
              </a:buClr>
              <a:defRPr/>
            </a:lvl2pPr>
            <a:lvl3pPr>
              <a:buClr>
                <a:schemeClr val="accent2"/>
              </a:buClr>
              <a:defRPr/>
            </a:lvl3pPr>
            <a:lvl4pPr>
              <a:defRPr>
                <a:solidFill>
                  <a:schemeClr val="accent2"/>
                </a:solidFill>
              </a:defRPr>
            </a:lvl4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13" name="Slide Number Placeholder 12">
            <a:extLst>
              <a:ext uri="{FF2B5EF4-FFF2-40B4-BE49-F238E27FC236}">
                <a16:creationId xmlns:a16="http://schemas.microsoft.com/office/drawing/2014/main" id="{E56BDAC3-1A7D-4E21-85A0-10315A7DA9F4}"/>
              </a:ext>
            </a:extLst>
          </p:cNvPr>
          <p:cNvSpPr>
            <a:spLocks noGrp="1"/>
          </p:cNvSpPr>
          <p:nvPr>
            <p:ph type="sldNum" sz="quarter" idx="16"/>
          </p:nvPr>
        </p:nvSpPr>
        <p:spPr/>
        <p:txBody>
          <a:bodyPr/>
          <a:lstStyle/>
          <a:p>
            <a:fld id="{43A204BC-C5BA-4EF4-ABC8-D45123A0C528}" type="slidenum">
              <a:rPr lang="en-GB" smtClean="0"/>
              <a:pPr/>
              <a:t>‹#›</a:t>
            </a:fld>
            <a:endParaRPr lang="en-GB"/>
          </a:p>
        </p:txBody>
      </p:sp>
      <p:sp>
        <p:nvSpPr>
          <p:cNvPr id="11" name="Date Placeholder 10" hidden="1">
            <a:extLst>
              <a:ext uri="{FF2B5EF4-FFF2-40B4-BE49-F238E27FC236}">
                <a16:creationId xmlns:a16="http://schemas.microsoft.com/office/drawing/2014/main" id="{C8F53383-3780-4626-A2BE-E67BBD0A1DFE}"/>
              </a:ext>
            </a:extLst>
          </p:cNvPr>
          <p:cNvSpPr>
            <a:spLocks noGrp="1"/>
          </p:cNvSpPr>
          <p:nvPr>
            <p:ph type="dt" sz="half" idx="14"/>
          </p:nvPr>
        </p:nvSpPr>
        <p:spPr/>
        <p:txBody>
          <a:bodyPr/>
          <a:lstStyle/>
          <a:p>
            <a:endParaRPr lang="en-GB"/>
          </a:p>
        </p:txBody>
      </p:sp>
      <p:sp>
        <p:nvSpPr>
          <p:cNvPr id="9" name="Content Placeholder 3">
            <a:extLst>
              <a:ext uri="{FF2B5EF4-FFF2-40B4-BE49-F238E27FC236}">
                <a16:creationId xmlns:a16="http://schemas.microsoft.com/office/drawing/2014/main" id="{4F9FA52E-E6B6-497B-8CDF-4291B6C70B9B}"/>
              </a:ext>
            </a:extLst>
          </p:cNvPr>
          <p:cNvSpPr>
            <a:spLocks noGrp="1"/>
          </p:cNvSpPr>
          <p:nvPr>
            <p:ph sz="half" idx="17" hasCustomPrompt="1"/>
          </p:nvPr>
        </p:nvSpPr>
        <p:spPr>
          <a:xfrm>
            <a:off x="6225550" y="3678175"/>
            <a:ext cx="5464800" cy="1940400"/>
          </a:xfrm>
          <a:solidFill>
            <a:schemeClr val="bg1"/>
          </a:solidFill>
        </p:spPr>
        <p:txBody>
          <a:bodyPr/>
          <a:lstStyle>
            <a:lvl1pPr>
              <a:buClr>
                <a:schemeClr val="accent2"/>
              </a:buClr>
              <a:defRPr/>
            </a:lvl1pPr>
            <a:lvl2pPr>
              <a:buClr>
                <a:schemeClr val="accent2"/>
              </a:buClr>
              <a:defRPr/>
            </a:lvl2pPr>
            <a:lvl3pPr>
              <a:buClr>
                <a:schemeClr val="accent2"/>
              </a:buClr>
              <a:defRPr/>
            </a:lvl3pPr>
            <a:lvl4pPr>
              <a:defRPr>
                <a:solidFill>
                  <a:schemeClr val="accent2"/>
                </a:solidFill>
              </a:defRPr>
            </a:lvl4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5" name="Title 4">
            <a:extLst>
              <a:ext uri="{FF2B5EF4-FFF2-40B4-BE49-F238E27FC236}">
                <a16:creationId xmlns:a16="http://schemas.microsoft.com/office/drawing/2014/main" id="{0535A655-0007-42B8-9AAE-D572D30C69E7}"/>
              </a:ext>
            </a:extLst>
          </p:cNvPr>
          <p:cNvSpPr>
            <a:spLocks noGrp="1"/>
          </p:cNvSpPr>
          <p:nvPr>
            <p:ph type="title" hasCustomPrompt="1"/>
          </p:nvPr>
        </p:nvSpPr>
        <p:spPr/>
        <p:txBody>
          <a:bodyPr/>
          <a:lstStyle>
            <a:lvl1pPr>
              <a:defRPr>
                <a:solidFill>
                  <a:schemeClr val="bg2"/>
                </a:solidFill>
              </a:defRPr>
            </a:lvl1pPr>
          </a:lstStyle>
          <a:p>
            <a:r>
              <a:rPr lang="en-GB"/>
              <a:t>Click to add title</a:t>
            </a:r>
          </a:p>
        </p:txBody>
      </p:sp>
      <p:sp>
        <p:nvSpPr>
          <p:cNvPr id="10" name="TextBox 9">
            <a:extLst>
              <a:ext uri="{FF2B5EF4-FFF2-40B4-BE49-F238E27FC236}">
                <a16:creationId xmlns:a16="http://schemas.microsoft.com/office/drawing/2014/main" id="{569B9730-5D0A-4256-B658-4D583A662653}"/>
              </a:ext>
            </a:extLst>
          </p:cNvPr>
          <p:cNvSpPr txBox="1"/>
          <p:nvPr userDrawn="1"/>
        </p:nvSpPr>
        <p:spPr>
          <a:xfrm>
            <a:off x="4046483" y="6224378"/>
            <a:ext cx="4099035" cy="184666"/>
          </a:xfrm>
          <a:prstGeom prst="rect">
            <a:avLst/>
          </a:prstGeom>
          <a:noFill/>
        </p:spPr>
        <p:txBody>
          <a:bodyPr wrap="square" lIns="0" tIns="0" rIns="0" bIns="0" rtlCol="0">
            <a:spAutoFit/>
          </a:bodyPr>
          <a:lstStyle/>
          <a:p>
            <a:pPr algn="ctr"/>
            <a:r>
              <a:rPr lang="da-DK" sz="1200">
                <a:solidFill>
                  <a:schemeClr val="tx2"/>
                </a:solidFill>
                <a:latin typeface="Maersk Headline Light" panose="00000400000000000000" pitchFamily="50" charset="0"/>
              </a:rPr>
              <a:t>No </a:t>
            </a:r>
            <a:r>
              <a:rPr lang="da-DK" sz="1200" err="1">
                <a:solidFill>
                  <a:schemeClr val="tx2"/>
                </a:solidFill>
                <a:latin typeface="Maersk Headline Light" panose="00000400000000000000" pitchFamily="50" charset="0"/>
              </a:rPr>
              <a:t>resource</a:t>
            </a:r>
            <a:r>
              <a:rPr lang="da-DK" sz="1200">
                <a:solidFill>
                  <a:schemeClr val="tx2"/>
                </a:solidFill>
                <a:latin typeface="Maersk Headline Light" panose="00000400000000000000" pitchFamily="50" charset="0"/>
              </a:rPr>
              <a:t> </a:t>
            </a:r>
            <a:r>
              <a:rPr lang="da-DK" sz="1200" err="1">
                <a:solidFill>
                  <a:schemeClr val="tx2"/>
                </a:solidFill>
                <a:latin typeface="Maersk Headline Light" panose="00000400000000000000" pitchFamily="50" charset="0"/>
              </a:rPr>
              <a:t>wasted</a:t>
            </a:r>
            <a:endParaRPr lang="da-DK" sz="1200">
              <a:solidFill>
                <a:schemeClr val="tx2"/>
              </a:solidFill>
              <a:latin typeface="Maersk Headline Light" panose="00000400000000000000" pitchFamily="50" charset="0"/>
            </a:endParaRPr>
          </a:p>
        </p:txBody>
      </p:sp>
    </p:spTree>
    <p:extLst>
      <p:ext uri="{BB962C8B-B14F-4D97-AF65-F5344CB8AC3E}">
        <p14:creationId xmlns:p14="http://schemas.microsoft.com/office/powerpoint/2010/main" val="2127037265"/>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399" y="501650"/>
            <a:ext cx="11189951" cy="719138"/>
          </a:xfrm>
        </p:spPr>
        <p:txBody>
          <a:bodyPr/>
          <a:lstStyle>
            <a:lvl1pPr>
              <a:defRPr>
                <a:solidFill>
                  <a:schemeClr val="bg2"/>
                </a:solidFill>
              </a:defRPr>
            </a:lvl1pPr>
          </a:lstStyle>
          <a:p>
            <a:r>
              <a:rPr lang="en-GB" noProof="0"/>
              <a:t>Click to add title</a:t>
            </a:r>
          </a:p>
        </p:txBody>
      </p:sp>
      <p:sp>
        <p:nvSpPr>
          <p:cNvPr id="3" name="Content Placeholder 2"/>
          <p:cNvSpPr>
            <a:spLocks noGrp="1"/>
          </p:cNvSpPr>
          <p:nvPr>
            <p:ph idx="1" hasCustomPrompt="1"/>
          </p:nvPr>
        </p:nvSpPr>
        <p:spPr>
          <a:xfrm>
            <a:off x="500399" y="2211477"/>
            <a:ext cx="11189951" cy="3421880"/>
          </a:xfrm>
        </p:spPr>
        <p:txBody>
          <a:bodyPr/>
          <a:lstStyle>
            <a:lvl1pPr>
              <a:buClr>
                <a:schemeClr val="accent2"/>
              </a:buClr>
              <a:defRPr/>
            </a:lvl1pPr>
            <a:lvl2pPr>
              <a:buClr>
                <a:schemeClr val="accent2"/>
              </a:buClr>
              <a:defRPr/>
            </a:lvl2pPr>
            <a:lvl3pPr>
              <a:buClr>
                <a:schemeClr val="accent2"/>
              </a:buClr>
              <a:defRPr/>
            </a:lvl3pPr>
            <a:lvl4pPr>
              <a:defRPr>
                <a:solidFill>
                  <a:schemeClr val="accent2"/>
                </a:solidFill>
              </a:defRPr>
            </a:lvl4pPr>
          </a:lstStyle>
          <a:p>
            <a:pPr lvl="0"/>
            <a:r>
              <a:rPr lang="en-GB" noProof="0"/>
              <a:t>Click to add text</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9" name="Slide Number Placeholder 8">
            <a:extLst>
              <a:ext uri="{FF2B5EF4-FFF2-40B4-BE49-F238E27FC236}">
                <a16:creationId xmlns:a16="http://schemas.microsoft.com/office/drawing/2014/main" id="{1DEC2C57-2A89-4D06-932E-353E043E7C9E}"/>
              </a:ext>
            </a:extLst>
          </p:cNvPr>
          <p:cNvSpPr>
            <a:spLocks noGrp="1"/>
          </p:cNvSpPr>
          <p:nvPr>
            <p:ph type="sldNum" sz="quarter" idx="12"/>
          </p:nvPr>
        </p:nvSpPr>
        <p:spPr/>
        <p:txBody>
          <a:bodyPr/>
          <a:lstStyle/>
          <a:p>
            <a:fld id="{43A204BC-C5BA-4EF4-ABC8-D45123A0C528}" type="slidenum">
              <a:rPr lang="en-GB" smtClean="0"/>
              <a:pPr/>
              <a:t>‹#›</a:t>
            </a:fld>
            <a:endParaRPr lang="en-GB"/>
          </a:p>
        </p:txBody>
      </p:sp>
      <p:sp>
        <p:nvSpPr>
          <p:cNvPr id="7" name="Date Placeholder 6" hidden="1">
            <a:extLst>
              <a:ext uri="{FF2B5EF4-FFF2-40B4-BE49-F238E27FC236}">
                <a16:creationId xmlns:a16="http://schemas.microsoft.com/office/drawing/2014/main" id="{C0878BA1-CFB4-4349-B120-1867D280A4EA}"/>
              </a:ext>
            </a:extLst>
          </p:cNvPr>
          <p:cNvSpPr>
            <a:spLocks noGrp="1"/>
          </p:cNvSpPr>
          <p:nvPr>
            <p:ph type="dt" sz="half" idx="10"/>
          </p:nvPr>
        </p:nvSpPr>
        <p:spPr/>
        <p:txBody>
          <a:bodyPr/>
          <a:lstStyle/>
          <a:p>
            <a:endParaRPr lang="en-GB"/>
          </a:p>
        </p:txBody>
      </p:sp>
      <p:sp>
        <p:nvSpPr>
          <p:cNvPr id="6" name="TextBox 5">
            <a:extLst>
              <a:ext uri="{FF2B5EF4-FFF2-40B4-BE49-F238E27FC236}">
                <a16:creationId xmlns:a16="http://schemas.microsoft.com/office/drawing/2014/main" id="{36E86DF3-E47C-4F2A-A1B1-7C93DC92AE8C}"/>
              </a:ext>
            </a:extLst>
          </p:cNvPr>
          <p:cNvSpPr txBox="1"/>
          <p:nvPr userDrawn="1"/>
        </p:nvSpPr>
        <p:spPr>
          <a:xfrm>
            <a:off x="4046483" y="6224378"/>
            <a:ext cx="4099035" cy="184666"/>
          </a:xfrm>
          <a:prstGeom prst="rect">
            <a:avLst/>
          </a:prstGeom>
          <a:noFill/>
        </p:spPr>
        <p:txBody>
          <a:bodyPr wrap="square" lIns="0" tIns="0" rIns="0" bIns="0" rtlCol="0">
            <a:spAutoFit/>
          </a:bodyPr>
          <a:lstStyle/>
          <a:p>
            <a:pPr algn="ctr"/>
            <a:r>
              <a:rPr lang="da-DK" sz="1200">
                <a:solidFill>
                  <a:schemeClr val="tx2"/>
                </a:solidFill>
                <a:latin typeface="Maersk Headline Light" panose="00000400000000000000" pitchFamily="50" charset="0"/>
              </a:rPr>
              <a:t>No </a:t>
            </a:r>
            <a:r>
              <a:rPr lang="da-DK" sz="1200" err="1">
                <a:solidFill>
                  <a:schemeClr val="tx2"/>
                </a:solidFill>
                <a:latin typeface="Maersk Headline Light" panose="00000400000000000000" pitchFamily="50" charset="0"/>
              </a:rPr>
              <a:t>resource</a:t>
            </a:r>
            <a:r>
              <a:rPr lang="da-DK" sz="1200">
                <a:solidFill>
                  <a:schemeClr val="tx2"/>
                </a:solidFill>
                <a:latin typeface="Maersk Headline Light" panose="00000400000000000000" pitchFamily="50" charset="0"/>
              </a:rPr>
              <a:t> </a:t>
            </a:r>
            <a:r>
              <a:rPr lang="da-DK" sz="1200" err="1">
                <a:solidFill>
                  <a:schemeClr val="tx2"/>
                </a:solidFill>
                <a:latin typeface="Maersk Headline Light" panose="00000400000000000000" pitchFamily="50" charset="0"/>
              </a:rPr>
              <a:t>wasted</a:t>
            </a:r>
            <a:endParaRPr lang="da-DK" sz="1200">
              <a:solidFill>
                <a:schemeClr val="tx2"/>
              </a:solidFill>
              <a:latin typeface="Maersk Headline Light" panose="00000400000000000000" pitchFamily="50" charset="0"/>
            </a:endParaRPr>
          </a:p>
        </p:txBody>
      </p:sp>
    </p:spTree>
    <p:extLst>
      <p:ext uri="{BB962C8B-B14F-4D97-AF65-F5344CB8AC3E}">
        <p14:creationId xmlns:p14="http://schemas.microsoft.com/office/powerpoint/2010/main" val="490047090"/>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8" name="Slide Number Placeholder 7">
            <a:extLst>
              <a:ext uri="{FF2B5EF4-FFF2-40B4-BE49-F238E27FC236}">
                <a16:creationId xmlns:a16="http://schemas.microsoft.com/office/drawing/2014/main" id="{810EAA6D-6226-4D0B-A23A-3D2469B69BC5}"/>
              </a:ext>
            </a:extLst>
          </p:cNvPr>
          <p:cNvSpPr>
            <a:spLocks noGrp="1"/>
          </p:cNvSpPr>
          <p:nvPr>
            <p:ph type="sldNum" sz="quarter" idx="12"/>
          </p:nvPr>
        </p:nvSpPr>
        <p:spPr/>
        <p:txBody>
          <a:bodyPr/>
          <a:lstStyle/>
          <a:p>
            <a:fld id="{43A204BC-C5BA-4EF4-ABC8-D45123A0C528}" type="slidenum">
              <a:rPr lang="en-GB" smtClean="0"/>
              <a:pPr/>
              <a:t>‹#›</a:t>
            </a:fld>
            <a:endParaRPr lang="en-GB"/>
          </a:p>
        </p:txBody>
      </p:sp>
      <p:sp>
        <p:nvSpPr>
          <p:cNvPr id="6" name="Date Placeholder 5" hidden="1">
            <a:extLst>
              <a:ext uri="{FF2B5EF4-FFF2-40B4-BE49-F238E27FC236}">
                <a16:creationId xmlns:a16="http://schemas.microsoft.com/office/drawing/2014/main" id="{C3750702-865E-424E-BDAE-F6B87694C5F2}"/>
              </a:ext>
            </a:extLst>
          </p:cNvPr>
          <p:cNvSpPr>
            <a:spLocks noGrp="1"/>
          </p:cNvSpPr>
          <p:nvPr>
            <p:ph type="dt" sz="half" idx="10"/>
          </p:nvPr>
        </p:nvSpPr>
        <p:spPr/>
        <p:txBody>
          <a:bodyPr/>
          <a:lstStyle/>
          <a:p>
            <a:endParaRPr lang="en-GB"/>
          </a:p>
        </p:txBody>
      </p:sp>
      <p:sp>
        <p:nvSpPr>
          <p:cNvPr id="9" name="Title 1">
            <a:extLst>
              <a:ext uri="{FF2B5EF4-FFF2-40B4-BE49-F238E27FC236}">
                <a16:creationId xmlns:a16="http://schemas.microsoft.com/office/drawing/2014/main" id="{CF466B99-4FF7-4CC8-AE34-2EFB1258E5CA}"/>
              </a:ext>
            </a:extLst>
          </p:cNvPr>
          <p:cNvSpPr>
            <a:spLocks noGrp="1"/>
          </p:cNvSpPr>
          <p:nvPr>
            <p:ph type="title" hasCustomPrompt="1"/>
          </p:nvPr>
        </p:nvSpPr>
        <p:spPr>
          <a:xfrm>
            <a:off x="500063" y="501650"/>
            <a:ext cx="11209537" cy="719138"/>
          </a:xfrm>
        </p:spPr>
        <p:txBody>
          <a:bodyPr/>
          <a:lstStyle>
            <a:lvl1pPr>
              <a:defRPr>
                <a:solidFill>
                  <a:schemeClr val="bg2"/>
                </a:solidFill>
              </a:defRPr>
            </a:lvl1pPr>
          </a:lstStyle>
          <a:p>
            <a:r>
              <a:rPr lang="en-GB"/>
              <a:t>Click to add title</a:t>
            </a:r>
          </a:p>
        </p:txBody>
      </p:sp>
      <p:sp>
        <p:nvSpPr>
          <p:cNvPr id="5" name="TextBox 4">
            <a:extLst>
              <a:ext uri="{FF2B5EF4-FFF2-40B4-BE49-F238E27FC236}">
                <a16:creationId xmlns:a16="http://schemas.microsoft.com/office/drawing/2014/main" id="{F69CC378-1CED-473F-AD53-5653E8E29A65}"/>
              </a:ext>
            </a:extLst>
          </p:cNvPr>
          <p:cNvSpPr txBox="1"/>
          <p:nvPr userDrawn="1"/>
        </p:nvSpPr>
        <p:spPr>
          <a:xfrm>
            <a:off x="4046483" y="6224378"/>
            <a:ext cx="4099035" cy="184666"/>
          </a:xfrm>
          <a:prstGeom prst="rect">
            <a:avLst/>
          </a:prstGeom>
          <a:noFill/>
        </p:spPr>
        <p:txBody>
          <a:bodyPr wrap="square" lIns="0" tIns="0" rIns="0" bIns="0" rtlCol="0">
            <a:spAutoFit/>
          </a:bodyPr>
          <a:lstStyle/>
          <a:p>
            <a:pPr algn="ctr"/>
            <a:r>
              <a:rPr lang="da-DK" sz="1200">
                <a:solidFill>
                  <a:schemeClr val="tx2"/>
                </a:solidFill>
                <a:latin typeface="Maersk Headline Light" panose="00000400000000000000" pitchFamily="50" charset="0"/>
              </a:rPr>
              <a:t>No </a:t>
            </a:r>
            <a:r>
              <a:rPr lang="da-DK" sz="1200" err="1">
                <a:solidFill>
                  <a:schemeClr val="tx2"/>
                </a:solidFill>
                <a:latin typeface="Maersk Headline Light" panose="00000400000000000000" pitchFamily="50" charset="0"/>
              </a:rPr>
              <a:t>resource</a:t>
            </a:r>
            <a:r>
              <a:rPr lang="da-DK" sz="1200">
                <a:solidFill>
                  <a:schemeClr val="tx2"/>
                </a:solidFill>
                <a:latin typeface="Maersk Headline Light" panose="00000400000000000000" pitchFamily="50" charset="0"/>
              </a:rPr>
              <a:t> </a:t>
            </a:r>
            <a:r>
              <a:rPr lang="da-DK" sz="1200" err="1">
                <a:solidFill>
                  <a:schemeClr val="tx2"/>
                </a:solidFill>
                <a:latin typeface="Maersk Headline Light" panose="00000400000000000000" pitchFamily="50" charset="0"/>
              </a:rPr>
              <a:t>wasted</a:t>
            </a:r>
            <a:endParaRPr lang="da-DK" sz="1200">
              <a:solidFill>
                <a:schemeClr val="tx2"/>
              </a:solidFill>
              <a:latin typeface="Maersk Headline Light" panose="00000400000000000000" pitchFamily="50" charset="0"/>
            </a:endParaRPr>
          </a:p>
        </p:txBody>
      </p:sp>
    </p:spTree>
    <p:extLst>
      <p:ext uri="{BB962C8B-B14F-4D97-AF65-F5344CB8AC3E}">
        <p14:creationId xmlns:p14="http://schemas.microsoft.com/office/powerpoint/2010/main" val="414945609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Agenda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3" y="501650"/>
            <a:ext cx="11190287" cy="719138"/>
          </a:xfrm>
        </p:spPr>
        <p:txBody>
          <a:bodyPr/>
          <a:lstStyle>
            <a:lvl1pPr>
              <a:defRPr>
                <a:solidFill>
                  <a:schemeClr val="bg1"/>
                </a:solidFill>
              </a:defRPr>
            </a:lvl1pPr>
          </a:lstStyle>
          <a:p>
            <a:r>
              <a:rPr lang="en-GB" noProof="0"/>
              <a:t>Click to add agenda/contents</a:t>
            </a:r>
          </a:p>
        </p:txBody>
      </p:sp>
      <p:sp>
        <p:nvSpPr>
          <p:cNvPr id="7" name="Text Placeholder 2"/>
          <p:cNvSpPr>
            <a:spLocks noGrp="1"/>
          </p:cNvSpPr>
          <p:nvPr>
            <p:ph type="body" sz="quarter" idx="13" hasCustomPrompt="1"/>
          </p:nvPr>
        </p:nvSpPr>
        <p:spPr>
          <a:xfrm>
            <a:off x="500062" y="2449513"/>
            <a:ext cx="954087" cy="3190413"/>
          </a:xfrm>
        </p:spPr>
        <p:txBody>
          <a:bodyPr/>
          <a:lstStyle>
            <a:lvl1pPr marL="0" indent="0">
              <a:lnSpc>
                <a:spcPct val="80000"/>
              </a:lnSpc>
              <a:spcBef>
                <a:spcPts val="0"/>
              </a:spcBef>
              <a:spcAft>
                <a:spcPts val="600"/>
              </a:spcAft>
              <a:buFont typeface="Arial" panose="020B0604020202020204" pitchFamily="34" charset="0"/>
              <a:buChar char="​"/>
              <a:defRPr sz="1600" b="0" i="0">
                <a:solidFill>
                  <a:schemeClr val="bg1"/>
                </a:solidFill>
                <a:latin typeface="+mn-lt"/>
              </a:defRPr>
            </a:lvl1pPr>
            <a:lvl2pPr marL="0" indent="0">
              <a:lnSpc>
                <a:spcPct val="80000"/>
              </a:lnSpc>
              <a:spcBef>
                <a:spcPts val="0"/>
              </a:spcBef>
              <a:spcAft>
                <a:spcPts val="600"/>
              </a:spcAft>
              <a:buFont typeface="Arial" panose="020B0604020202020204" pitchFamily="34" charset="0"/>
              <a:buChar char="​"/>
              <a:defRPr sz="1600" b="0" i="0">
                <a:solidFill>
                  <a:schemeClr val="accent2"/>
                </a:solidFill>
                <a:latin typeface="+mn-lt"/>
              </a:defRPr>
            </a:lvl2pPr>
            <a:lvl3pPr marL="0" indent="0">
              <a:lnSpc>
                <a:spcPct val="80000"/>
              </a:lnSpc>
              <a:spcBef>
                <a:spcPts val="0"/>
              </a:spcBef>
              <a:spcAft>
                <a:spcPts val="600"/>
              </a:spcAft>
              <a:buFont typeface="Arial" panose="020B0604020202020204" pitchFamily="34" charset="0"/>
              <a:buChar char="​"/>
              <a:defRPr sz="1600" b="0" i="0">
                <a:solidFill>
                  <a:schemeClr val="bg1"/>
                </a:solidFill>
                <a:latin typeface="+mn-lt"/>
              </a:defRPr>
            </a:lvl3pPr>
            <a:lvl4pPr marL="0" indent="0">
              <a:lnSpc>
                <a:spcPct val="80000"/>
              </a:lnSpc>
              <a:spcBef>
                <a:spcPts val="0"/>
              </a:spcBef>
              <a:spcAft>
                <a:spcPts val="600"/>
              </a:spcAft>
              <a:buFont typeface="Arial" panose="020B0604020202020204" pitchFamily="34" charset="0"/>
              <a:buChar char="​"/>
              <a:defRPr sz="1600" b="0" i="0">
                <a:solidFill>
                  <a:schemeClr val="accent2"/>
                </a:solidFill>
                <a:latin typeface="+mn-lt"/>
              </a:defRPr>
            </a:lvl4pPr>
            <a:lvl5pPr marL="0" indent="0">
              <a:lnSpc>
                <a:spcPct val="80000"/>
              </a:lnSpc>
              <a:spcBef>
                <a:spcPts val="0"/>
              </a:spcBef>
              <a:spcAft>
                <a:spcPts val="600"/>
              </a:spcAft>
              <a:buFont typeface="Arial" panose="020B0604020202020204" pitchFamily="34" charset="0"/>
              <a:buChar char="​"/>
              <a:defRPr sz="1600" b="0" i="0">
                <a:solidFill>
                  <a:schemeClr val="bg1"/>
                </a:solidFill>
                <a:latin typeface="+mn-lt"/>
              </a:defRPr>
            </a:lvl5pPr>
            <a:lvl6pPr marL="0" indent="0">
              <a:lnSpc>
                <a:spcPct val="80000"/>
              </a:lnSpc>
              <a:spcBef>
                <a:spcPts val="0"/>
              </a:spcBef>
              <a:spcAft>
                <a:spcPts val="600"/>
              </a:spcAft>
              <a:buFont typeface="Arial" panose="020B0604020202020204" pitchFamily="34" charset="0"/>
              <a:buChar char="​"/>
              <a:defRPr sz="1600" b="0" i="0">
                <a:solidFill>
                  <a:schemeClr val="accent2"/>
                </a:solidFill>
                <a:latin typeface="+mn-lt"/>
              </a:defRPr>
            </a:lvl6pPr>
            <a:lvl7pPr marL="0" indent="0">
              <a:lnSpc>
                <a:spcPct val="80000"/>
              </a:lnSpc>
              <a:spcBef>
                <a:spcPts val="0"/>
              </a:spcBef>
              <a:spcAft>
                <a:spcPts val="600"/>
              </a:spcAft>
              <a:buFont typeface="Arial" panose="020B0604020202020204" pitchFamily="34" charset="0"/>
              <a:buChar char="​"/>
              <a:defRPr sz="1600" b="0" i="0">
                <a:solidFill>
                  <a:schemeClr val="bg1"/>
                </a:solidFill>
                <a:latin typeface="+mn-lt"/>
              </a:defRPr>
            </a:lvl7pPr>
            <a:lvl8pPr marL="0" indent="0">
              <a:lnSpc>
                <a:spcPct val="80000"/>
              </a:lnSpc>
              <a:spcBef>
                <a:spcPts val="0"/>
              </a:spcBef>
              <a:spcAft>
                <a:spcPts val="600"/>
              </a:spcAft>
              <a:buFont typeface="Arial" panose="020B0604020202020204" pitchFamily="34" charset="0"/>
              <a:buChar char="​"/>
              <a:defRPr sz="1600" b="0" i="0">
                <a:solidFill>
                  <a:schemeClr val="accent2"/>
                </a:solidFill>
                <a:latin typeface="+mn-lt"/>
              </a:defRPr>
            </a:lvl8pPr>
            <a:lvl9pPr marL="0" indent="0">
              <a:lnSpc>
                <a:spcPct val="80000"/>
              </a:lnSpc>
              <a:spcBef>
                <a:spcPts val="0"/>
              </a:spcBef>
              <a:spcAft>
                <a:spcPts val="600"/>
              </a:spcAft>
              <a:buFont typeface="Arial" panose="020B0604020202020204" pitchFamily="34" charset="0"/>
              <a:buChar char="​"/>
              <a:defRPr sz="1600" b="0" i="0">
                <a:solidFill>
                  <a:schemeClr val="bg1"/>
                </a:solidFill>
                <a:latin typeface="+mn-lt"/>
              </a:defRPr>
            </a:lvl9pPr>
          </a:lstStyle>
          <a:p>
            <a:pPr lvl="0"/>
            <a:r>
              <a:rPr lang="en-GB" noProof="0"/>
              <a:t>1.00</a:t>
            </a:r>
          </a:p>
          <a:p>
            <a:pPr lvl="1"/>
            <a:r>
              <a:rPr lang="en-GB" noProof="0"/>
              <a:t>2.00</a:t>
            </a:r>
          </a:p>
          <a:p>
            <a:pPr lvl="2"/>
            <a:r>
              <a:rPr lang="en-GB" noProof="0"/>
              <a:t>Third level</a:t>
            </a:r>
          </a:p>
          <a:p>
            <a:pPr lvl="3"/>
            <a:r>
              <a:rPr lang="en-GB" noProof="0"/>
              <a:t>3.</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5" name="Text Placeholder 2">
            <a:extLst>
              <a:ext uri="{FF2B5EF4-FFF2-40B4-BE49-F238E27FC236}">
                <a16:creationId xmlns:a16="http://schemas.microsoft.com/office/drawing/2014/main" id="{7C354DE8-B49E-4B51-91DD-A34B6B5B17F0}"/>
              </a:ext>
            </a:extLst>
          </p:cNvPr>
          <p:cNvSpPr>
            <a:spLocks noGrp="1"/>
          </p:cNvSpPr>
          <p:nvPr>
            <p:ph type="body" sz="quarter" idx="17" hasCustomPrompt="1"/>
          </p:nvPr>
        </p:nvSpPr>
        <p:spPr>
          <a:xfrm>
            <a:off x="1671637" y="2449513"/>
            <a:ext cx="4546601" cy="3190413"/>
          </a:xfrm>
        </p:spPr>
        <p:txBody>
          <a:bodyPr/>
          <a:lstStyle>
            <a:lvl1pPr marL="0" indent="0">
              <a:lnSpc>
                <a:spcPct val="80000"/>
              </a:lnSpc>
              <a:spcBef>
                <a:spcPts val="0"/>
              </a:spcBef>
              <a:spcAft>
                <a:spcPts val="600"/>
              </a:spcAft>
              <a:buFont typeface="Arial" panose="020B0604020202020204" pitchFamily="34" charset="0"/>
              <a:buChar char="​"/>
              <a:defRPr sz="1600" b="0" i="0">
                <a:solidFill>
                  <a:schemeClr val="bg1"/>
                </a:solidFill>
                <a:latin typeface="+mn-lt"/>
              </a:defRPr>
            </a:lvl1pPr>
            <a:lvl2pPr marL="0" indent="0">
              <a:lnSpc>
                <a:spcPct val="80000"/>
              </a:lnSpc>
              <a:spcBef>
                <a:spcPts val="0"/>
              </a:spcBef>
              <a:spcAft>
                <a:spcPts val="600"/>
              </a:spcAft>
              <a:buFont typeface="Arial" panose="020B0604020202020204" pitchFamily="34" charset="0"/>
              <a:buChar char="​"/>
              <a:defRPr sz="1600" b="0" i="0">
                <a:solidFill>
                  <a:schemeClr val="accent2"/>
                </a:solidFill>
                <a:latin typeface="+mn-lt"/>
              </a:defRPr>
            </a:lvl2pPr>
            <a:lvl3pPr marL="0" indent="0">
              <a:lnSpc>
                <a:spcPct val="80000"/>
              </a:lnSpc>
              <a:spcBef>
                <a:spcPts val="0"/>
              </a:spcBef>
              <a:spcAft>
                <a:spcPts val="600"/>
              </a:spcAft>
              <a:buFont typeface="Arial" panose="020B0604020202020204" pitchFamily="34" charset="0"/>
              <a:buChar char="​"/>
              <a:defRPr sz="1600" b="0" i="0">
                <a:solidFill>
                  <a:schemeClr val="bg1"/>
                </a:solidFill>
                <a:latin typeface="+mn-lt"/>
              </a:defRPr>
            </a:lvl3pPr>
            <a:lvl4pPr marL="0" indent="0">
              <a:lnSpc>
                <a:spcPct val="80000"/>
              </a:lnSpc>
              <a:spcBef>
                <a:spcPts val="0"/>
              </a:spcBef>
              <a:spcAft>
                <a:spcPts val="600"/>
              </a:spcAft>
              <a:buFont typeface="Arial" panose="020B0604020202020204" pitchFamily="34" charset="0"/>
              <a:buChar char="​"/>
              <a:defRPr sz="1600" b="0" i="0">
                <a:solidFill>
                  <a:schemeClr val="accent2"/>
                </a:solidFill>
                <a:latin typeface="+mn-lt"/>
              </a:defRPr>
            </a:lvl4pPr>
            <a:lvl5pPr marL="0" indent="0">
              <a:lnSpc>
                <a:spcPct val="80000"/>
              </a:lnSpc>
              <a:spcBef>
                <a:spcPts val="0"/>
              </a:spcBef>
              <a:spcAft>
                <a:spcPts val="600"/>
              </a:spcAft>
              <a:buFont typeface="Arial" panose="020B0604020202020204" pitchFamily="34" charset="0"/>
              <a:buChar char="​"/>
              <a:defRPr sz="1600" b="0" i="0">
                <a:solidFill>
                  <a:schemeClr val="bg1"/>
                </a:solidFill>
                <a:latin typeface="+mn-lt"/>
              </a:defRPr>
            </a:lvl5pPr>
            <a:lvl6pPr marL="0" indent="0">
              <a:lnSpc>
                <a:spcPct val="80000"/>
              </a:lnSpc>
              <a:spcBef>
                <a:spcPts val="0"/>
              </a:spcBef>
              <a:spcAft>
                <a:spcPts val="600"/>
              </a:spcAft>
              <a:buFont typeface="Arial" panose="020B0604020202020204" pitchFamily="34" charset="0"/>
              <a:buChar char="​"/>
              <a:defRPr sz="1600" b="0" i="0">
                <a:solidFill>
                  <a:schemeClr val="accent2"/>
                </a:solidFill>
              </a:defRPr>
            </a:lvl6pPr>
            <a:lvl7pPr marL="0" indent="0">
              <a:lnSpc>
                <a:spcPct val="80000"/>
              </a:lnSpc>
              <a:spcBef>
                <a:spcPts val="0"/>
              </a:spcBef>
              <a:spcAft>
                <a:spcPts val="600"/>
              </a:spcAft>
              <a:buFont typeface="Arial" panose="020B0604020202020204" pitchFamily="34" charset="0"/>
              <a:buChar char="​"/>
              <a:defRPr sz="1600" b="0" i="0">
                <a:solidFill>
                  <a:schemeClr val="bg1"/>
                </a:solidFill>
              </a:defRPr>
            </a:lvl7pPr>
            <a:lvl8pPr marL="0" indent="0">
              <a:lnSpc>
                <a:spcPct val="80000"/>
              </a:lnSpc>
              <a:spcBef>
                <a:spcPts val="0"/>
              </a:spcBef>
              <a:spcAft>
                <a:spcPts val="600"/>
              </a:spcAft>
              <a:buFont typeface="Arial" panose="020B0604020202020204" pitchFamily="34" charset="0"/>
              <a:buChar char="​"/>
              <a:defRPr sz="1600" b="0" i="0">
                <a:solidFill>
                  <a:schemeClr val="accent2"/>
                </a:solidFill>
              </a:defRPr>
            </a:lvl8pPr>
            <a:lvl9pPr marL="0" indent="0">
              <a:lnSpc>
                <a:spcPct val="80000"/>
              </a:lnSpc>
              <a:spcBef>
                <a:spcPts val="0"/>
              </a:spcBef>
              <a:spcAft>
                <a:spcPts val="600"/>
              </a:spcAft>
              <a:buFont typeface="Arial" panose="020B0604020202020204" pitchFamily="34" charset="0"/>
              <a:buChar char="​"/>
              <a:defRPr sz="1600" b="0" i="0">
                <a:solidFill>
                  <a:schemeClr val="bg1"/>
                </a:solidFill>
              </a:defRPr>
            </a:lvl9pPr>
          </a:lstStyle>
          <a:p>
            <a:pPr lvl="0"/>
            <a:r>
              <a:rPr lang="en-GB" noProof="0"/>
              <a:t>Click to add tex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9" name="Slide Number Placeholder 8">
            <a:extLst>
              <a:ext uri="{FF2B5EF4-FFF2-40B4-BE49-F238E27FC236}">
                <a16:creationId xmlns:a16="http://schemas.microsoft.com/office/drawing/2014/main" id="{80AFC17B-5A74-4635-AFC9-1AEF46863139}"/>
              </a:ext>
            </a:extLst>
          </p:cNvPr>
          <p:cNvSpPr>
            <a:spLocks noGrp="1"/>
          </p:cNvSpPr>
          <p:nvPr>
            <p:ph type="sldNum" sz="quarter" idx="16"/>
          </p:nvPr>
        </p:nvSpPr>
        <p:spPr/>
        <p:txBody>
          <a:bodyPr/>
          <a:lstStyle>
            <a:lvl1pPr>
              <a:defRPr>
                <a:solidFill>
                  <a:schemeClr val="bg1"/>
                </a:solidFill>
              </a:defRPr>
            </a:lvl1pPr>
          </a:lstStyle>
          <a:p>
            <a:fld id="{43A204BC-C5BA-4EF4-ABC8-D45123A0C528}" type="slidenum">
              <a:rPr lang="en-GB" smtClean="0"/>
              <a:pPr/>
              <a:t>‹#›</a:t>
            </a:fld>
            <a:endParaRPr lang="en-GB"/>
          </a:p>
        </p:txBody>
      </p:sp>
      <p:sp>
        <p:nvSpPr>
          <p:cNvPr id="6" name="Date Placeholder 5" hidden="1">
            <a:extLst>
              <a:ext uri="{FF2B5EF4-FFF2-40B4-BE49-F238E27FC236}">
                <a16:creationId xmlns:a16="http://schemas.microsoft.com/office/drawing/2014/main" id="{10320B85-9075-4BE3-80FE-A4FBA5B89417}"/>
              </a:ext>
            </a:extLst>
          </p:cNvPr>
          <p:cNvSpPr>
            <a:spLocks noGrp="1"/>
          </p:cNvSpPr>
          <p:nvPr>
            <p:ph type="dt" sz="half" idx="14"/>
          </p:nvPr>
        </p:nvSpPr>
        <p:spPr/>
        <p:txBody>
          <a:bodyPr/>
          <a:lstStyle>
            <a:lvl1pPr>
              <a:defRPr>
                <a:noFill/>
              </a:defRPr>
            </a:lvl1pPr>
          </a:lstStyle>
          <a:p>
            <a:endParaRPr lang="en-GB"/>
          </a:p>
        </p:txBody>
      </p:sp>
      <p:sp>
        <p:nvSpPr>
          <p:cNvPr id="8" name="Logo Placeholder 9">
            <a:extLst>
              <a:ext uri="{FF2B5EF4-FFF2-40B4-BE49-F238E27FC236}">
                <a16:creationId xmlns:a16="http://schemas.microsoft.com/office/drawing/2014/main" id="{799A2D54-27EB-4DB7-87A7-1C7AB3D154E2}"/>
              </a:ext>
            </a:extLst>
          </p:cNvPr>
          <p:cNvSpPr>
            <a:spLocks noGrp="1"/>
          </p:cNvSpPr>
          <p:nvPr>
            <p:ph type="body" sz="quarter" idx="18" hasCustomPrompt="1"/>
          </p:nvPr>
        </p:nvSpPr>
        <p:spPr>
          <a:xfrm>
            <a:off x="10313965" y="5975285"/>
            <a:ext cx="1885918" cy="890598"/>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p>
        </p:txBody>
      </p:sp>
    </p:spTree>
    <p:extLst>
      <p:ext uri="{BB962C8B-B14F-4D97-AF65-F5344CB8AC3E}">
        <p14:creationId xmlns:p14="http://schemas.microsoft.com/office/powerpoint/2010/main" val="119904396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5A2CD91E-E870-45AB-B6B3-21B3C5472439}"/>
              </a:ext>
            </a:extLst>
          </p:cNvPr>
          <p:cNvSpPr>
            <a:spLocks noGrp="1"/>
          </p:cNvSpPr>
          <p:nvPr>
            <p:ph type="sldNum" sz="quarter" idx="12"/>
          </p:nvPr>
        </p:nvSpPr>
        <p:spPr/>
        <p:txBody>
          <a:bodyPr/>
          <a:lstStyle/>
          <a:p>
            <a:fld id="{43A204BC-C5BA-4EF4-ABC8-D45123A0C528}" type="slidenum">
              <a:rPr lang="en-GB" smtClean="0"/>
              <a:pPr/>
              <a:t>‹#›</a:t>
            </a:fld>
            <a:endParaRPr lang="en-GB"/>
          </a:p>
        </p:txBody>
      </p:sp>
      <p:sp>
        <p:nvSpPr>
          <p:cNvPr id="5" name="Date Placeholder 4" hidden="1">
            <a:extLst>
              <a:ext uri="{FF2B5EF4-FFF2-40B4-BE49-F238E27FC236}">
                <a16:creationId xmlns:a16="http://schemas.microsoft.com/office/drawing/2014/main" id="{CF0E3E31-9EAD-4ECD-A589-4F158B739B5B}"/>
              </a:ext>
            </a:extLst>
          </p:cNvPr>
          <p:cNvSpPr>
            <a:spLocks noGrp="1"/>
          </p:cNvSpPr>
          <p:nvPr>
            <p:ph type="dt" sz="half" idx="10"/>
          </p:nvPr>
        </p:nvSpPr>
        <p:spPr/>
        <p:txBody>
          <a:bodyPr/>
          <a:lstStyle/>
          <a:p>
            <a:endParaRPr lang="en-GB"/>
          </a:p>
        </p:txBody>
      </p:sp>
      <p:sp>
        <p:nvSpPr>
          <p:cNvPr id="4" name="TextBox 3">
            <a:extLst>
              <a:ext uri="{FF2B5EF4-FFF2-40B4-BE49-F238E27FC236}">
                <a16:creationId xmlns:a16="http://schemas.microsoft.com/office/drawing/2014/main" id="{3FC74B2B-20E0-4F3D-B976-DDA96EA4327C}"/>
              </a:ext>
            </a:extLst>
          </p:cNvPr>
          <p:cNvSpPr txBox="1"/>
          <p:nvPr userDrawn="1"/>
        </p:nvSpPr>
        <p:spPr>
          <a:xfrm>
            <a:off x="4046483" y="6224378"/>
            <a:ext cx="4099035" cy="184666"/>
          </a:xfrm>
          <a:prstGeom prst="rect">
            <a:avLst/>
          </a:prstGeom>
          <a:noFill/>
        </p:spPr>
        <p:txBody>
          <a:bodyPr wrap="square" lIns="0" tIns="0" rIns="0" bIns="0" rtlCol="0">
            <a:spAutoFit/>
          </a:bodyPr>
          <a:lstStyle/>
          <a:p>
            <a:pPr algn="ctr"/>
            <a:r>
              <a:rPr lang="da-DK" sz="1200">
                <a:solidFill>
                  <a:schemeClr val="tx2"/>
                </a:solidFill>
                <a:latin typeface="Maersk Headline Light" panose="00000400000000000000" pitchFamily="50" charset="0"/>
              </a:rPr>
              <a:t>No </a:t>
            </a:r>
            <a:r>
              <a:rPr lang="da-DK" sz="1200" err="1">
                <a:solidFill>
                  <a:schemeClr val="tx2"/>
                </a:solidFill>
                <a:latin typeface="Maersk Headline Light" panose="00000400000000000000" pitchFamily="50" charset="0"/>
              </a:rPr>
              <a:t>resource</a:t>
            </a:r>
            <a:r>
              <a:rPr lang="da-DK" sz="1200">
                <a:solidFill>
                  <a:schemeClr val="tx2"/>
                </a:solidFill>
                <a:latin typeface="Maersk Headline Light" panose="00000400000000000000" pitchFamily="50" charset="0"/>
              </a:rPr>
              <a:t> </a:t>
            </a:r>
            <a:r>
              <a:rPr lang="da-DK" sz="1200" err="1">
                <a:solidFill>
                  <a:schemeClr val="tx2"/>
                </a:solidFill>
                <a:latin typeface="Maersk Headline Light" panose="00000400000000000000" pitchFamily="50" charset="0"/>
              </a:rPr>
              <a:t>wasted</a:t>
            </a:r>
            <a:endParaRPr lang="da-DK" sz="1200">
              <a:solidFill>
                <a:schemeClr val="tx2"/>
              </a:solidFill>
              <a:latin typeface="Maersk Headline Light" panose="00000400000000000000" pitchFamily="50" charset="0"/>
            </a:endParaRPr>
          </a:p>
        </p:txBody>
      </p:sp>
    </p:spTree>
    <p:extLst>
      <p:ext uri="{BB962C8B-B14F-4D97-AF65-F5344CB8AC3E}">
        <p14:creationId xmlns:p14="http://schemas.microsoft.com/office/powerpoint/2010/main" val="2010035106"/>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End">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3" y="3918856"/>
            <a:ext cx="10491788" cy="1718355"/>
          </a:xfrm>
        </p:spPr>
        <p:txBody>
          <a:bodyPr/>
          <a:lstStyle>
            <a:lvl1pPr>
              <a:defRPr sz="4000" b="0">
                <a:solidFill>
                  <a:schemeClr val="accent2"/>
                </a:solidFill>
                <a:latin typeface="+mj-lt"/>
              </a:defRPr>
            </a:lvl1pPr>
          </a:lstStyle>
          <a:p>
            <a:r>
              <a:rPr lang="en-GB" noProof="0"/>
              <a:t>Click to add title</a:t>
            </a:r>
          </a:p>
        </p:txBody>
      </p:sp>
      <p:sp>
        <p:nvSpPr>
          <p:cNvPr id="10" name="Slide Number Placeholder 9">
            <a:extLst>
              <a:ext uri="{FF2B5EF4-FFF2-40B4-BE49-F238E27FC236}">
                <a16:creationId xmlns:a16="http://schemas.microsoft.com/office/drawing/2014/main" id="{644E83C0-32E9-43EF-864A-C6C827731210}"/>
              </a:ext>
            </a:extLst>
          </p:cNvPr>
          <p:cNvSpPr>
            <a:spLocks noGrp="1"/>
          </p:cNvSpPr>
          <p:nvPr>
            <p:ph type="sldNum" sz="quarter" idx="17"/>
          </p:nvPr>
        </p:nvSpPr>
        <p:spPr/>
        <p:txBody>
          <a:bodyPr/>
          <a:lstStyle>
            <a:lvl1pPr>
              <a:defRPr>
                <a:solidFill>
                  <a:schemeClr val="bg1"/>
                </a:solidFill>
              </a:defRPr>
            </a:lvl1pPr>
          </a:lstStyle>
          <a:p>
            <a:fld id="{43A204BC-C5BA-4EF4-ABC8-D45123A0C528}" type="slidenum">
              <a:rPr lang="en-GB" smtClean="0"/>
              <a:pPr/>
              <a:t>‹#›</a:t>
            </a:fld>
            <a:endParaRPr lang="en-GB"/>
          </a:p>
        </p:txBody>
      </p:sp>
      <p:sp>
        <p:nvSpPr>
          <p:cNvPr id="6" name="Date Placeholder 5" hidden="1">
            <a:extLst>
              <a:ext uri="{FF2B5EF4-FFF2-40B4-BE49-F238E27FC236}">
                <a16:creationId xmlns:a16="http://schemas.microsoft.com/office/drawing/2014/main" id="{08F8CACC-6EC3-45E4-B2E4-A9916C3AA0BC}"/>
              </a:ext>
            </a:extLst>
          </p:cNvPr>
          <p:cNvSpPr>
            <a:spLocks noGrp="1"/>
          </p:cNvSpPr>
          <p:nvPr>
            <p:ph type="dt" sz="half" idx="15"/>
          </p:nvPr>
        </p:nvSpPr>
        <p:spPr/>
        <p:txBody>
          <a:bodyPr/>
          <a:lstStyle>
            <a:lvl1pPr>
              <a:defRPr>
                <a:noFill/>
              </a:defRPr>
            </a:lvl1pPr>
          </a:lstStyle>
          <a:p>
            <a:endParaRPr lang="en-GB"/>
          </a:p>
        </p:txBody>
      </p:sp>
      <p:sp>
        <p:nvSpPr>
          <p:cNvPr id="8" name="Logo Placeholder 9">
            <a:extLst>
              <a:ext uri="{FF2B5EF4-FFF2-40B4-BE49-F238E27FC236}">
                <a16:creationId xmlns:a16="http://schemas.microsoft.com/office/drawing/2014/main" id="{2413B7D2-EB45-4A9C-B893-5B1A76746924}"/>
              </a:ext>
            </a:extLst>
          </p:cNvPr>
          <p:cNvSpPr>
            <a:spLocks noGrp="1"/>
          </p:cNvSpPr>
          <p:nvPr>
            <p:ph type="body" sz="quarter" idx="18" hasCustomPrompt="1"/>
          </p:nvPr>
        </p:nvSpPr>
        <p:spPr>
          <a:xfrm>
            <a:off x="10313965" y="5975285"/>
            <a:ext cx="1885918" cy="890598"/>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p>
        </p:txBody>
      </p:sp>
    </p:spTree>
    <p:extLst>
      <p:ext uri="{BB962C8B-B14F-4D97-AF65-F5344CB8AC3E}">
        <p14:creationId xmlns:p14="http://schemas.microsoft.com/office/powerpoint/2010/main" val="401583719"/>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End w. picture">
    <p:bg>
      <p:bgPr>
        <a:solidFill>
          <a:schemeClr val="bg2"/>
        </a:solidFill>
        <a:effectLst/>
      </p:bgPr>
    </p:bg>
    <p:spTree>
      <p:nvGrpSpPr>
        <p:cNvPr id="1" name=""/>
        <p:cNvGrpSpPr/>
        <p:nvPr/>
      </p:nvGrpSpPr>
      <p:grpSpPr>
        <a:xfrm>
          <a:off x="0" y="0"/>
          <a:ext cx="0" cy="0"/>
          <a:chOff x="0" y="0"/>
          <a:chExt cx="0" cy="0"/>
        </a:xfrm>
      </p:grpSpPr>
      <p:sp>
        <p:nvSpPr>
          <p:cNvPr id="7" name="Picture Placeholder 6"/>
          <p:cNvSpPr>
            <a:spLocks noGrp="1"/>
          </p:cNvSpPr>
          <p:nvPr>
            <p:ph type="pic" sz="quarter" idx="13" hasCustomPrompt="1"/>
          </p:nvPr>
        </p:nvSpPr>
        <p:spPr>
          <a:xfrm>
            <a:off x="0" y="0"/>
            <a:ext cx="12193200" cy="6861600"/>
          </a:xfrm>
        </p:spPr>
        <p:txBody>
          <a:bodyPr tIns="72000" anchor="t" anchorCtr="0"/>
          <a:lstStyle>
            <a:lvl1pPr marL="0" marR="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sz="1200">
                <a:solidFill>
                  <a:schemeClr val="bg1"/>
                </a:solidFill>
              </a:defRPr>
            </a:lvl1pPr>
          </a:lstStyle>
          <a:p>
            <a:r>
              <a:rPr lang="en-GB"/>
              <a:t>Click the icon to add a picture</a:t>
            </a:r>
          </a:p>
        </p:txBody>
      </p:sp>
      <p:sp>
        <p:nvSpPr>
          <p:cNvPr id="2" name="Title 1"/>
          <p:cNvSpPr>
            <a:spLocks noGrp="1"/>
          </p:cNvSpPr>
          <p:nvPr>
            <p:ph type="title" hasCustomPrompt="1"/>
          </p:nvPr>
        </p:nvSpPr>
        <p:spPr>
          <a:xfrm>
            <a:off x="500063" y="3918856"/>
            <a:ext cx="10491788" cy="1718355"/>
          </a:xfrm>
        </p:spPr>
        <p:txBody>
          <a:bodyPr/>
          <a:lstStyle>
            <a:lvl1pPr>
              <a:defRPr sz="4000" b="0">
                <a:solidFill>
                  <a:schemeClr val="bg1"/>
                </a:solidFill>
                <a:latin typeface="+mj-lt"/>
              </a:defRPr>
            </a:lvl1pPr>
          </a:lstStyle>
          <a:p>
            <a:r>
              <a:rPr lang="en-GB" noProof="0"/>
              <a:t>Click to add title</a:t>
            </a:r>
          </a:p>
        </p:txBody>
      </p:sp>
      <p:sp>
        <p:nvSpPr>
          <p:cNvPr id="10" name="Slide Number Placeholder 9">
            <a:extLst>
              <a:ext uri="{FF2B5EF4-FFF2-40B4-BE49-F238E27FC236}">
                <a16:creationId xmlns:a16="http://schemas.microsoft.com/office/drawing/2014/main" id="{644E83C0-32E9-43EF-864A-C6C827731210}"/>
              </a:ext>
            </a:extLst>
          </p:cNvPr>
          <p:cNvSpPr>
            <a:spLocks noGrp="1"/>
          </p:cNvSpPr>
          <p:nvPr>
            <p:ph type="sldNum" sz="quarter" idx="17"/>
          </p:nvPr>
        </p:nvSpPr>
        <p:spPr/>
        <p:txBody>
          <a:bodyPr/>
          <a:lstStyle>
            <a:lvl1pPr>
              <a:defRPr>
                <a:solidFill>
                  <a:schemeClr val="bg1"/>
                </a:solidFill>
              </a:defRPr>
            </a:lvl1pPr>
          </a:lstStyle>
          <a:p>
            <a:fld id="{43A204BC-C5BA-4EF4-ABC8-D45123A0C528}" type="slidenum">
              <a:rPr lang="en-GB" smtClean="0"/>
              <a:pPr/>
              <a:t>‹#›</a:t>
            </a:fld>
            <a:endParaRPr lang="en-GB"/>
          </a:p>
        </p:txBody>
      </p:sp>
      <p:sp>
        <p:nvSpPr>
          <p:cNvPr id="6" name="Date Placeholder 5" hidden="1">
            <a:extLst>
              <a:ext uri="{FF2B5EF4-FFF2-40B4-BE49-F238E27FC236}">
                <a16:creationId xmlns:a16="http://schemas.microsoft.com/office/drawing/2014/main" id="{08F8CACC-6EC3-45E4-B2E4-A9916C3AA0BC}"/>
              </a:ext>
            </a:extLst>
          </p:cNvPr>
          <p:cNvSpPr>
            <a:spLocks noGrp="1"/>
          </p:cNvSpPr>
          <p:nvPr>
            <p:ph type="dt" sz="half" idx="15"/>
          </p:nvPr>
        </p:nvSpPr>
        <p:spPr/>
        <p:txBody>
          <a:bodyPr/>
          <a:lstStyle>
            <a:lvl1pPr>
              <a:defRPr>
                <a:noFill/>
              </a:defRPr>
            </a:lvl1pPr>
          </a:lstStyle>
          <a:p>
            <a:endParaRPr lang="en-GB"/>
          </a:p>
        </p:txBody>
      </p:sp>
      <p:sp>
        <p:nvSpPr>
          <p:cNvPr id="9" name="Logo Placeholder 9">
            <a:extLst>
              <a:ext uri="{FF2B5EF4-FFF2-40B4-BE49-F238E27FC236}">
                <a16:creationId xmlns:a16="http://schemas.microsoft.com/office/drawing/2014/main" id="{94E17C75-D2C4-4722-B1D7-CE3E56132BE5}"/>
              </a:ext>
            </a:extLst>
          </p:cNvPr>
          <p:cNvSpPr>
            <a:spLocks noGrp="1"/>
          </p:cNvSpPr>
          <p:nvPr>
            <p:ph type="body" sz="quarter" idx="18" hasCustomPrompt="1"/>
          </p:nvPr>
        </p:nvSpPr>
        <p:spPr>
          <a:xfrm>
            <a:off x="10313965" y="5975285"/>
            <a:ext cx="1885918" cy="890598"/>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p>
        </p:txBody>
      </p:sp>
    </p:spTree>
    <p:extLst>
      <p:ext uri="{BB962C8B-B14F-4D97-AF65-F5344CB8AC3E}">
        <p14:creationId xmlns:p14="http://schemas.microsoft.com/office/powerpoint/2010/main" val="329324717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3" y="501650"/>
            <a:ext cx="11190287" cy="719138"/>
          </a:xfrm>
        </p:spPr>
        <p:txBody>
          <a:bodyPr/>
          <a:lstStyle>
            <a:lvl1pPr>
              <a:defRPr>
                <a:solidFill>
                  <a:schemeClr val="bg2"/>
                </a:solidFill>
              </a:defRPr>
            </a:lvl1pPr>
          </a:lstStyle>
          <a:p>
            <a:r>
              <a:rPr lang="en-GB" noProof="0"/>
              <a:t>Click to add agenda/contents</a:t>
            </a:r>
          </a:p>
        </p:txBody>
      </p:sp>
      <p:sp>
        <p:nvSpPr>
          <p:cNvPr id="7" name="Text Placeholder 2"/>
          <p:cNvSpPr>
            <a:spLocks noGrp="1"/>
          </p:cNvSpPr>
          <p:nvPr>
            <p:ph type="body" sz="quarter" idx="13" hasCustomPrompt="1"/>
          </p:nvPr>
        </p:nvSpPr>
        <p:spPr>
          <a:xfrm>
            <a:off x="500062" y="2449513"/>
            <a:ext cx="954087" cy="3190413"/>
          </a:xfrm>
        </p:spPr>
        <p:txBody>
          <a:bodyPr/>
          <a:lstStyle>
            <a:lvl1pPr marL="0" indent="0">
              <a:lnSpc>
                <a:spcPct val="80000"/>
              </a:lnSpc>
              <a:spcBef>
                <a:spcPts val="0"/>
              </a:spcBef>
              <a:spcAft>
                <a:spcPts val="600"/>
              </a:spcAft>
              <a:buFont typeface="Arial" panose="020B0604020202020204" pitchFamily="34" charset="0"/>
              <a:buChar char="​"/>
              <a:defRPr sz="1600" b="0" i="0">
                <a:solidFill>
                  <a:schemeClr val="tx1"/>
                </a:solidFill>
                <a:latin typeface="+mn-lt"/>
              </a:defRPr>
            </a:lvl1pPr>
            <a:lvl2pPr marL="0" indent="0">
              <a:lnSpc>
                <a:spcPct val="80000"/>
              </a:lnSpc>
              <a:spcBef>
                <a:spcPts val="0"/>
              </a:spcBef>
              <a:spcAft>
                <a:spcPts val="600"/>
              </a:spcAft>
              <a:buFont typeface="Arial" panose="020B0604020202020204" pitchFamily="34" charset="0"/>
              <a:buChar char="​"/>
              <a:defRPr sz="1600" b="0" i="0">
                <a:solidFill>
                  <a:schemeClr val="accent2"/>
                </a:solidFill>
                <a:latin typeface="+mn-lt"/>
              </a:defRPr>
            </a:lvl2pPr>
            <a:lvl3pPr marL="0" indent="0">
              <a:lnSpc>
                <a:spcPct val="80000"/>
              </a:lnSpc>
              <a:spcBef>
                <a:spcPts val="0"/>
              </a:spcBef>
              <a:spcAft>
                <a:spcPts val="600"/>
              </a:spcAft>
              <a:buFont typeface="Arial" panose="020B0604020202020204" pitchFamily="34" charset="0"/>
              <a:buChar char="​"/>
              <a:defRPr sz="1600" b="0" i="0">
                <a:solidFill>
                  <a:schemeClr val="tx1"/>
                </a:solidFill>
                <a:latin typeface="+mn-lt"/>
              </a:defRPr>
            </a:lvl3pPr>
            <a:lvl4pPr marL="0" indent="0">
              <a:lnSpc>
                <a:spcPct val="80000"/>
              </a:lnSpc>
              <a:spcBef>
                <a:spcPts val="0"/>
              </a:spcBef>
              <a:spcAft>
                <a:spcPts val="600"/>
              </a:spcAft>
              <a:buFont typeface="Arial" panose="020B0604020202020204" pitchFamily="34" charset="0"/>
              <a:buChar char="​"/>
              <a:defRPr sz="1600" b="0" i="0">
                <a:solidFill>
                  <a:schemeClr val="accent2"/>
                </a:solidFill>
                <a:latin typeface="+mn-lt"/>
              </a:defRPr>
            </a:lvl4pPr>
            <a:lvl5pPr marL="0" indent="0">
              <a:lnSpc>
                <a:spcPct val="80000"/>
              </a:lnSpc>
              <a:spcBef>
                <a:spcPts val="0"/>
              </a:spcBef>
              <a:spcAft>
                <a:spcPts val="600"/>
              </a:spcAft>
              <a:buFont typeface="Arial" panose="020B0604020202020204" pitchFamily="34" charset="0"/>
              <a:buChar char="​"/>
              <a:defRPr sz="1600" b="0" i="0">
                <a:solidFill>
                  <a:schemeClr val="tx1"/>
                </a:solidFill>
                <a:latin typeface="+mn-lt"/>
              </a:defRPr>
            </a:lvl5pPr>
            <a:lvl6pPr marL="0" indent="0">
              <a:lnSpc>
                <a:spcPct val="80000"/>
              </a:lnSpc>
              <a:spcBef>
                <a:spcPts val="0"/>
              </a:spcBef>
              <a:spcAft>
                <a:spcPts val="600"/>
              </a:spcAft>
              <a:buFont typeface="Arial" panose="020B0604020202020204" pitchFamily="34" charset="0"/>
              <a:buChar char="​"/>
              <a:defRPr sz="1600" b="0" i="0">
                <a:solidFill>
                  <a:schemeClr val="accent2"/>
                </a:solidFill>
                <a:latin typeface="+mn-lt"/>
              </a:defRPr>
            </a:lvl6pPr>
            <a:lvl7pPr marL="0" indent="0">
              <a:lnSpc>
                <a:spcPct val="80000"/>
              </a:lnSpc>
              <a:spcBef>
                <a:spcPts val="0"/>
              </a:spcBef>
              <a:spcAft>
                <a:spcPts val="600"/>
              </a:spcAft>
              <a:buFont typeface="Arial" panose="020B0604020202020204" pitchFamily="34" charset="0"/>
              <a:buChar char="​"/>
              <a:defRPr sz="1600" b="0" i="0">
                <a:solidFill>
                  <a:schemeClr val="tx1"/>
                </a:solidFill>
                <a:latin typeface="+mn-lt"/>
              </a:defRPr>
            </a:lvl7pPr>
            <a:lvl8pPr marL="0" indent="0">
              <a:lnSpc>
                <a:spcPct val="80000"/>
              </a:lnSpc>
              <a:spcBef>
                <a:spcPts val="0"/>
              </a:spcBef>
              <a:spcAft>
                <a:spcPts val="600"/>
              </a:spcAft>
              <a:buFont typeface="Arial" panose="020B0604020202020204" pitchFamily="34" charset="0"/>
              <a:buChar char="​"/>
              <a:defRPr sz="1600" b="0" i="0">
                <a:solidFill>
                  <a:schemeClr val="accent2"/>
                </a:solidFill>
                <a:latin typeface="+mn-lt"/>
              </a:defRPr>
            </a:lvl8pPr>
            <a:lvl9pPr marL="0" indent="0">
              <a:lnSpc>
                <a:spcPct val="80000"/>
              </a:lnSpc>
              <a:spcBef>
                <a:spcPts val="0"/>
              </a:spcBef>
              <a:spcAft>
                <a:spcPts val="600"/>
              </a:spcAft>
              <a:buFont typeface="Arial" panose="020B0604020202020204" pitchFamily="34" charset="0"/>
              <a:buChar char="​"/>
              <a:defRPr sz="1600" b="0" i="0">
                <a:solidFill>
                  <a:schemeClr val="tx1"/>
                </a:solidFill>
                <a:latin typeface="+mn-lt"/>
              </a:defRPr>
            </a:lvl9pPr>
          </a:lstStyle>
          <a:p>
            <a:pPr lvl="0"/>
            <a:r>
              <a:rPr lang="en-GB" noProof="0"/>
              <a:t>1.00</a:t>
            </a:r>
          </a:p>
          <a:p>
            <a:pPr lvl="1"/>
            <a:r>
              <a:rPr lang="en-GB" noProof="0"/>
              <a:t>2.00</a:t>
            </a:r>
          </a:p>
          <a:p>
            <a:pPr lvl="2"/>
            <a:r>
              <a:rPr lang="en-GB" noProof="0"/>
              <a:t>Third level</a:t>
            </a:r>
          </a:p>
          <a:p>
            <a:pPr lvl="3"/>
            <a:r>
              <a:rPr lang="en-GB" noProof="0"/>
              <a:t>4</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5" name="Text Placeholder 2">
            <a:extLst>
              <a:ext uri="{FF2B5EF4-FFF2-40B4-BE49-F238E27FC236}">
                <a16:creationId xmlns:a16="http://schemas.microsoft.com/office/drawing/2014/main" id="{7C354DE8-B49E-4B51-91DD-A34B6B5B17F0}"/>
              </a:ext>
            </a:extLst>
          </p:cNvPr>
          <p:cNvSpPr>
            <a:spLocks noGrp="1"/>
          </p:cNvSpPr>
          <p:nvPr>
            <p:ph type="body" sz="quarter" idx="17" hasCustomPrompt="1"/>
          </p:nvPr>
        </p:nvSpPr>
        <p:spPr>
          <a:xfrm>
            <a:off x="1671637" y="2449513"/>
            <a:ext cx="4546601" cy="3190413"/>
          </a:xfrm>
        </p:spPr>
        <p:txBody>
          <a:bodyPr/>
          <a:lstStyle>
            <a:lvl1pPr marL="0" indent="0">
              <a:lnSpc>
                <a:spcPct val="80000"/>
              </a:lnSpc>
              <a:spcBef>
                <a:spcPts val="0"/>
              </a:spcBef>
              <a:spcAft>
                <a:spcPts val="600"/>
              </a:spcAft>
              <a:buFont typeface="Arial" panose="020B0604020202020204" pitchFamily="34" charset="0"/>
              <a:buChar char="​"/>
              <a:defRPr sz="1600" b="0" i="0">
                <a:solidFill>
                  <a:schemeClr val="tx1"/>
                </a:solidFill>
                <a:latin typeface="+mn-lt"/>
              </a:defRPr>
            </a:lvl1pPr>
            <a:lvl2pPr marL="0" indent="0">
              <a:lnSpc>
                <a:spcPct val="80000"/>
              </a:lnSpc>
              <a:spcBef>
                <a:spcPts val="0"/>
              </a:spcBef>
              <a:spcAft>
                <a:spcPts val="600"/>
              </a:spcAft>
              <a:buFont typeface="Arial" panose="020B0604020202020204" pitchFamily="34" charset="0"/>
              <a:buChar char="​"/>
              <a:defRPr sz="1600" b="0" i="0">
                <a:solidFill>
                  <a:schemeClr val="accent2"/>
                </a:solidFill>
                <a:latin typeface="+mn-lt"/>
              </a:defRPr>
            </a:lvl2pPr>
            <a:lvl3pPr marL="0" indent="0">
              <a:lnSpc>
                <a:spcPct val="80000"/>
              </a:lnSpc>
              <a:spcBef>
                <a:spcPts val="0"/>
              </a:spcBef>
              <a:spcAft>
                <a:spcPts val="600"/>
              </a:spcAft>
              <a:buFont typeface="Arial" panose="020B0604020202020204" pitchFamily="34" charset="0"/>
              <a:buChar char="​"/>
              <a:defRPr sz="1600" b="0" i="0">
                <a:solidFill>
                  <a:schemeClr val="tx1"/>
                </a:solidFill>
                <a:latin typeface="+mn-lt"/>
              </a:defRPr>
            </a:lvl3pPr>
            <a:lvl4pPr marL="0" indent="0">
              <a:lnSpc>
                <a:spcPct val="80000"/>
              </a:lnSpc>
              <a:spcBef>
                <a:spcPts val="0"/>
              </a:spcBef>
              <a:spcAft>
                <a:spcPts val="600"/>
              </a:spcAft>
              <a:buFont typeface="Arial" panose="020B0604020202020204" pitchFamily="34" charset="0"/>
              <a:buChar char="​"/>
              <a:defRPr sz="1600" b="0" i="0">
                <a:solidFill>
                  <a:schemeClr val="accent2"/>
                </a:solidFill>
                <a:latin typeface="+mn-lt"/>
              </a:defRPr>
            </a:lvl4pPr>
            <a:lvl5pPr marL="0" indent="0">
              <a:lnSpc>
                <a:spcPct val="80000"/>
              </a:lnSpc>
              <a:spcBef>
                <a:spcPts val="0"/>
              </a:spcBef>
              <a:spcAft>
                <a:spcPts val="600"/>
              </a:spcAft>
              <a:buFont typeface="Arial" panose="020B0604020202020204" pitchFamily="34" charset="0"/>
              <a:buChar char="​"/>
              <a:defRPr sz="1600" b="0" i="0">
                <a:solidFill>
                  <a:schemeClr val="tx1"/>
                </a:solidFill>
                <a:latin typeface="+mn-lt"/>
              </a:defRPr>
            </a:lvl5pPr>
            <a:lvl6pPr marL="0" indent="0">
              <a:lnSpc>
                <a:spcPct val="80000"/>
              </a:lnSpc>
              <a:spcBef>
                <a:spcPts val="0"/>
              </a:spcBef>
              <a:spcAft>
                <a:spcPts val="600"/>
              </a:spcAft>
              <a:buFont typeface="Arial" panose="020B0604020202020204" pitchFamily="34" charset="0"/>
              <a:buChar char="​"/>
              <a:defRPr sz="1600" b="0" i="0">
                <a:solidFill>
                  <a:schemeClr val="accent2"/>
                </a:solidFill>
              </a:defRPr>
            </a:lvl6pPr>
            <a:lvl7pPr marL="0" indent="0">
              <a:lnSpc>
                <a:spcPct val="80000"/>
              </a:lnSpc>
              <a:spcBef>
                <a:spcPts val="0"/>
              </a:spcBef>
              <a:spcAft>
                <a:spcPts val="600"/>
              </a:spcAft>
              <a:buFont typeface="Arial" panose="020B0604020202020204" pitchFamily="34" charset="0"/>
              <a:buChar char="​"/>
              <a:defRPr sz="1600" b="0" i="0">
                <a:solidFill>
                  <a:schemeClr val="tx1"/>
                </a:solidFill>
              </a:defRPr>
            </a:lvl7pPr>
            <a:lvl8pPr marL="0" indent="0">
              <a:lnSpc>
                <a:spcPct val="80000"/>
              </a:lnSpc>
              <a:spcBef>
                <a:spcPts val="0"/>
              </a:spcBef>
              <a:spcAft>
                <a:spcPts val="600"/>
              </a:spcAft>
              <a:buFont typeface="Arial" panose="020B0604020202020204" pitchFamily="34" charset="0"/>
              <a:buChar char="​"/>
              <a:defRPr sz="1600" b="0" i="0">
                <a:solidFill>
                  <a:schemeClr val="accent2"/>
                </a:solidFill>
              </a:defRPr>
            </a:lvl8pPr>
            <a:lvl9pPr marL="0" indent="0">
              <a:lnSpc>
                <a:spcPct val="80000"/>
              </a:lnSpc>
              <a:spcBef>
                <a:spcPts val="0"/>
              </a:spcBef>
              <a:spcAft>
                <a:spcPts val="600"/>
              </a:spcAft>
              <a:buFont typeface="Arial" panose="020B0604020202020204" pitchFamily="34" charset="0"/>
              <a:buChar char="​"/>
              <a:defRPr sz="1600" b="0" i="0">
                <a:solidFill>
                  <a:schemeClr val="tx1"/>
                </a:solidFill>
              </a:defRPr>
            </a:lvl9pPr>
          </a:lstStyle>
          <a:p>
            <a:pPr lvl="0"/>
            <a:r>
              <a:rPr lang="en-GB" noProof="0"/>
              <a:t>Click to add tex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9" name="Slide Number Placeholder 8">
            <a:extLst>
              <a:ext uri="{FF2B5EF4-FFF2-40B4-BE49-F238E27FC236}">
                <a16:creationId xmlns:a16="http://schemas.microsoft.com/office/drawing/2014/main" id="{80AFC17B-5A74-4635-AFC9-1AEF46863139}"/>
              </a:ext>
            </a:extLst>
          </p:cNvPr>
          <p:cNvSpPr>
            <a:spLocks noGrp="1"/>
          </p:cNvSpPr>
          <p:nvPr>
            <p:ph type="sldNum" sz="quarter" idx="16"/>
          </p:nvPr>
        </p:nvSpPr>
        <p:spPr/>
        <p:txBody>
          <a:bodyPr/>
          <a:lstStyle>
            <a:lvl1pPr>
              <a:defRPr>
                <a:solidFill>
                  <a:schemeClr val="tx1"/>
                </a:solidFill>
              </a:defRPr>
            </a:lvl1pPr>
          </a:lstStyle>
          <a:p>
            <a:fld id="{43A204BC-C5BA-4EF4-ABC8-D45123A0C528}" type="slidenum">
              <a:rPr lang="en-GB" smtClean="0"/>
              <a:pPr/>
              <a:t>‹#›</a:t>
            </a:fld>
            <a:endParaRPr lang="en-GB"/>
          </a:p>
        </p:txBody>
      </p:sp>
      <p:sp>
        <p:nvSpPr>
          <p:cNvPr id="6" name="Date Placeholder 5" hidden="1">
            <a:extLst>
              <a:ext uri="{FF2B5EF4-FFF2-40B4-BE49-F238E27FC236}">
                <a16:creationId xmlns:a16="http://schemas.microsoft.com/office/drawing/2014/main" id="{10320B85-9075-4BE3-80FE-A4FBA5B89417}"/>
              </a:ext>
            </a:extLst>
          </p:cNvPr>
          <p:cNvSpPr>
            <a:spLocks noGrp="1"/>
          </p:cNvSpPr>
          <p:nvPr>
            <p:ph type="dt" sz="half" idx="14"/>
          </p:nvPr>
        </p:nvSpPr>
        <p:spPr/>
        <p:txBody>
          <a:bodyPr/>
          <a:lstStyle>
            <a:lvl1pPr>
              <a:defRPr>
                <a:noFill/>
              </a:defRPr>
            </a:lvl1pPr>
          </a:lstStyle>
          <a:p>
            <a:endParaRPr lang="en-GB"/>
          </a:p>
        </p:txBody>
      </p:sp>
    </p:spTree>
    <p:extLst>
      <p:ext uri="{BB962C8B-B14F-4D97-AF65-F5344CB8AC3E}">
        <p14:creationId xmlns:p14="http://schemas.microsoft.com/office/powerpoint/2010/main" val="293323642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Introduction pag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2C76334-9261-4B58-9174-1059920D6CE0}"/>
              </a:ext>
            </a:extLst>
          </p:cNvPr>
          <p:cNvSpPr>
            <a:spLocks noGrp="1"/>
          </p:cNvSpPr>
          <p:nvPr>
            <p:ph type="title" hasCustomPrompt="1"/>
          </p:nvPr>
        </p:nvSpPr>
        <p:spPr>
          <a:xfrm>
            <a:off x="500400" y="501649"/>
            <a:ext cx="5484476" cy="1947863"/>
          </a:xfrm>
        </p:spPr>
        <p:txBody>
          <a:bodyPr/>
          <a:lstStyle>
            <a:lvl1pPr marL="0" indent="0">
              <a:buFontTx/>
              <a:buNone/>
              <a:tabLst>
                <a:tab pos="936000" algn="l"/>
              </a:tabLst>
              <a:defRPr sz="4000">
                <a:solidFill>
                  <a:schemeClr val="bg2"/>
                </a:solidFill>
              </a:defRPr>
            </a:lvl1pPr>
          </a:lstStyle>
          <a:p>
            <a:r>
              <a:rPr lang="en-GB" noProof="0"/>
              <a:t>Click to add title, tab for first line indent</a:t>
            </a:r>
            <a:endParaRPr lang="en-GB"/>
          </a:p>
        </p:txBody>
      </p:sp>
      <p:sp>
        <p:nvSpPr>
          <p:cNvPr id="4" name="Slide Number Placeholder 3">
            <a:extLst>
              <a:ext uri="{FF2B5EF4-FFF2-40B4-BE49-F238E27FC236}">
                <a16:creationId xmlns:a16="http://schemas.microsoft.com/office/drawing/2014/main" id="{08AE9849-36F9-4EC3-BE81-D2FC41D399AC}"/>
              </a:ext>
            </a:extLst>
          </p:cNvPr>
          <p:cNvSpPr>
            <a:spLocks noGrp="1"/>
          </p:cNvSpPr>
          <p:nvPr>
            <p:ph type="sldNum" sz="quarter" idx="11"/>
          </p:nvPr>
        </p:nvSpPr>
        <p:spPr/>
        <p:txBody>
          <a:bodyPr/>
          <a:lstStyle/>
          <a:p>
            <a:fld id="{43A204BC-C5BA-4EF4-ABC8-D45123A0C528}" type="slidenum">
              <a:rPr lang="en-GB" smtClean="0"/>
              <a:pPr/>
              <a:t>‹#›</a:t>
            </a:fld>
            <a:endParaRPr lang="en-GB"/>
          </a:p>
        </p:txBody>
      </p:sp>
      <p:sp>
        <p:nvSpPr>
          <p:cNvPr id="5" name="Date Placeholder 4">
            <a:extLst>
              <a:ext uri="{FF2B5EF4-FFF2-40B4-BE49-F238E27FC236}">
                <a16:creationId xmlns:a16="http://schemas.microsoft.com/office/drawing/2014/main" id="{2ECB67E9-4625-4D5C-A0BB-D895986FA297}"/>
              </a:ext>
            </a:extLst>
          </p:cNvPr>
          <p:cNvSpPr>
            <a:spLocks noGrp="1"/>
          </p:cNvSpPr>
          <p:nvPr>
            <p:ph type="dt" sz="half" idx="12"/>
          </p:nvPr>
        </p:nvSpPr>
        <p:spPr/>
        <p:txBody>
          <a:bodyPr/>
          <a:lstStyle/>
          <a:p>
            <a:endParaRPr lang="en-GB"/>
          </a:p>
        </p:txBody>
      </p:sp>
      <p:sp>
        <p:nvSpPr>
          <p:cNvPr id="9" name="Text Placeholder 8">
            <a:extLst>
              <a:ext uri="{FF2B5EF4-FFF2-40B4-BE49-F238E27FC236}">
                <a16:creationId xmlns:a16="http://schemas.microsoft.com/office/drawing/2014/main" id="{6CBAD38D-0859-4790-A878-F926B90F35CB}"/>
              </a:ext>
            </a:extLst>
          </p:cNvPr>
          <p:cNvSpPr>
            <a:spLocks noGrp="1"/>
          </p:cNvSpPr>
          <p:nvPr>
            <p:ph type="body" sz="quarter" idx="13"/>
          </p:nvPr>
        </p:nvSpPr>
        <p:spPr>
          <a:xfrm>
            <a:off x="4314825" y="3070746"/>
            <a:ext cx="7375525" cy="2566467"/>
          </a:xfrm>
        </p:spPr>
        <p:txBody>
          <a:bodyPr/>
          <a:lstStyle>
            <a:lvl1pPr marL="0" indent="0">
              <a:spcAft>
                <a:spcPts val="0"/>
              </a:spcAft>
              <a:buFont typeface="Arial" panose="020B0604020202020204" pitchFamily="34" charset="0"/>
              <a:buChar char="​"/>
              <a:defRPr sz="2400">
                <a:latin typeface="+mj-lt"/>
              </a:defRPr>
            </a:lvl1pPr>
            <a:lvl2pPr marL="0" indent="0">
              <a:spcBef>
                <a:spcPts val="0"/>
              </a:spcBef>
              <a:spcAft>
                <a:spcPts val="0"/>
              </a:spcAft>
              <a:buFont typeface="Arial" panose="020B0604020202020204" pitchFamily="34" charset="0"/>
              <a:buChar char="​"/>
              <a:defRPr sz="2400">
                <a:solidFill>
                  <a:schemeClr val="accent2"/>
                </a:solidFill>
                <a:latin typeface="+mj-lt"/>
              </a:defRPr>
            </a:lvl2pPr>
            <a:lvl3pPr marL="285750" indent="-285750">
              <a:buClr>
                <a:schemeClr val="accent2"/>
              </a:buClr>
              <a:buFont typeface="Arial" panose="020B0604020202020204" pitchFamily="34" charset="0"/>
              <a:buChar char="•"/>
              <a:defRPr sz="1600"/>
            </a:lvl3pPr>
            <a:lvl4pPr>
              <a:defRPr>
                <a:solidFill>
                  <a:schemeClr val="accent2"/>
                </a:solidFill>
              </a:defRPr>
            </a:lvl4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 name="TextBox 2">
            <a:extLst>
              <a:ext uri="{FF2B5EF4-FFF2-40B4-BE49-F238E27FC236}">
                <a16:creationId xmlns:a16="http://schemas.microsoft.com/office/drawing/2014/main" id="{45243716-622E-4C2B-9CB5-D119C542BE2A}"/>
              </a:ext>
            </a:extLst>
          </p:cNvPr>
          <p:cNvSpPr txBox="1"/>
          <p:nvPr userDrawn="1"/>
        </p:nvSpPr>
        <p:spPr>
          <a:xfrm>
            <a:off x="4046483" y="6224378"/>
            <a:ext cx="4099035" cy="184666"/>
          </a:xfrm>
          <a:prstGeom prst="rect">
            <a:avLst/>
          </a:prstGeom>
          <a:noFill/>
        </p:spPr>
        <p:txBody>
          <a:bodyPr wrap="square" lIns="0" tIns="0" rIns="0" bIns="0" rtlCol="0">
            <a:spAutoFit/>
          </a:bodyPr>
          <a:lstStyle/>
          <a:p>
            <a:pPr algn="ctr"/>
            <a:r>
              <a:rPr lang="da-DK" sz="1200">
                <a:solidFill>
                  <a:schemeClr val="tx2"/>
                </a:solidFill>
                <a:latin typeface="Maersk Headline Light" panose="00000400000000000000" pitchFamily="50" charset="0"/>
              </a:rPr>
              <a:t>No </a:t>
            </a:r>
            <a:r>
              <a:rPr lang="da-DK" sz="1200" err="1">
                <a:solidFill>
                  <a:schemeClr val="tx2"/>
                </a:solidFill>
                <a:latin typeface="Maersk Headline Light" panose="00000400000000000000" pitchFamily="50" charset="0"/>
              </a:rPr>
              <a:t>resource</a:t>
            </a:r>
            <a:r>
              <a:rPr lang="da-DK" sz="1200">
                <a:solidFill>
                  <a:schemeClr val="tx2"/>
                </a:solidFill>
                <a:latin typeface="Maersk Headline Light" panose="00000400000000000000" pitchFamily="50" charset="0"/>
              </a:rPr>
              <a:t> </a:t>
            </a:r>
            <a:r>
              <a:rPr lang="da-DK" sz="1200" err="1">
                <a:solidFill>
                  <a:schemeClr val="tx2"/>
                </a:solidFill>
                <a:latin typeface="Maersk Headline Light" panose="00000400000000000000" pitchFamily="50" charset="0"/>
              </a:rPr>
              <a:t>wasted</a:t>
            </a:r>
            <a:endParaRPr lang="da-DK" sz="1200">
              <a:solidFill>
                <a:schemeClr val="tx2"/>
              </a:solidFill>
              <a:latin typeface="Maersk Headline Light" panose="00000400000000000000" pitchFamily="50" charset="0"/>
            </a:endParaRPr>
          </a:p>
        </p:txBody>
      </p:sp>
    </p:spTree>
    <p:extLst>
      <p:ext uri="{BB962C8B-B14F-4D97-AF65-F5344CB8AC3E}">
        <p14:creationId xmlns:p14="http://schemas.microsoft.com/office/powerpoint/2010/main" val="299977315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3" y="501650"/>
            <a:ext cx="6675437" cy="719138"/>
          </a:xfrm>
        </p:spPr>
        <p:txBody>
          <a:bodyPr/>
          <a:lstStyle>
            <a:lvl1pPr>
              <a:defRPr>
                <a:solidFill>
                  <a:schemeClr val="bg2"/>
                </a:solidFill>
              </a:defRPr>
            </a:lvl1pPr>
          </a:lstStyle>
          <a:p>
            <a:r>
              <a:rPr lang="en-GB" noProof="0"/>
              <a:t>Click to add title</a:t>
            </a:r>
          </a:p>
        </p:txBody>
      </p:sp>
      <p:sp>
        <p:nvSpPr>
          <p:cNvPr id="7" name="Content Placeholder 2"/>
          <p:cNvSpPr>
            <a:spLocks noGrp="1"/>
          </p:cNvSpPr>
          <p:nvPr>
            <p:ph sz="quarter" idx="13" hasCustomPrompt="1"/>
          </p:nvPr>
        </p:nvSpPr>
        <p:spPr>
          <a:xfrm>
            <a:off x="500063" y="2206625"/>
            <a:ext cx="6675437" cy="3430588"/>
          </a:xfrm>
        </p:spPr>
        <p:txBody>
          <a:bodyPr/>
          <a:lstStyle>
            <a:lvl1pPr>
              <a:buClr>
                <a:schemeClr val="accent2"/>
              </a:buClr>
              <a:defRPr/>
            </a:lvl1pPr>
            <a:lvl2pPr>
              <a:buClr>
                <a:schemeClr val="accent2"/>
              </a:buClr>
              <a:defRPr/>
            </a:lvl2pPr>
            <a:lvl3pPr>
              <a:buClr>
                <a:schemeClr val="accent2"/>
              </a:buClr>
              <a:defRPr/>
            </a:lvl3pPr>
            <a:lvl4pPr>
              <a:defRPr>
                <a:solidFill>
                  <a:schemeClr val="accent2"/>
                </a:solidFill>
              </a:defRPr>
            </a:lvl4pPr>
          </a:lstStyle>
          <a:p>
            <a:pPr lvl="0"/>
            <a:r>
              <a:rPr lang="en-GB" noProof="0"/>
              <a:t>Click to add text</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23" name="Picture Placeholder 3"/>
          <p:cNvSpPr>
            <a:spLocks noGrp="1"/>
          </p:cNvSpPr>
          <p:nvPr>
            <p:ph type="pic" sz="quarter" idx="14" hasCustomPrompt="1"/>
          </p:nvPr>
        </p:nvSpPr>
        <p:spPr>
          <a:xfrm>
            <a:off x="8129587" y="501650"/>
            <a:ext cx="3560763" cy="5135563"/>
          </a:xfrm>
        </p:spPr>
        <p:txBody>
          <a:bodyPr tIns="72000" anchor="t" anchorCtr="0"/>
          <a:lstStyle>
            <a:lvl1pPr marL="0" marR="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sz="1200"/>
            </a:lvl1pPr>
          </a:lstStyle>
          <a:p>
            <a:pPr marL="0" marR="0" lvl="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a:pPr>
            <a:r>
              <a:rPr lang="en-GB"/>
              <a:t>Click on icon to insert picture</a:t>
            </a:r>
          </a:p>
        </p:txBody>
      </p:sp>
      <p:sp>
        <p:nvSpPr>
          <p:cNvPr id="9" name="Slide Number Placeholder 8">
            <a:extLst>
              <a:ext uri="{FF2B5EF4-FFF2-40B4-BE49-F238E27FC236}">
                <a16:creationId xmlns:a16="http://schemas.microsoft.com/office/drawing/2014/main" id="{DDAB2A36-6220-480C-B58F-CFF0A15787CF}"/>
              </a:ext>
            </a:extLst>
          </p:cNvPr>
          <p:cNvSpPr>
            <a:spLocks noGrp="1"/>
          </p:cNvSpPr>
          <p:nvPr>
            <p:ph type="sldNum" sz="quarter" idx="17"/>
          </p:nvPr>
        </p:nvSpPr>
        <p:spPr/>
        <p:txBody>
          <a:bodyPr/>
          <a:lstStyle/>
          <a:p>
            <a:fld id="{43A204BC-C5BA-4EF4-ABC8-D45123A0C528}" type="slidenum">
              <a:rPr lang="en-GB" smtClean="0"/>
              <a:pPr/>
              <a:t>‹#›</a:t>
            </a:fld>
            <a:endParaRPr lang="en-GB"/>
          </a:p>
        </p:txBody>
      </p:sp>
      <p:sp>
        <p:nvSpPr>
          <p:cNvPr id="6" name="Date Placeholder 5" hidden="1">
            <a:extLst>
              <a:ext uri="{FF2B5EF4-FFF2-40B4-BE49-F238E27FC236}">
                <a16:creationId xmlns:a16="http://schemas.microsoft.com/office/drawing/2014/main" id="{BC8FE318-906F-4EA5-9B25-B9CA26679122}"/>
              </a:ext>
            </a:extLst>
          </p:cNvPr>
          <p:cNvSpPr>
            <a:spLocks noGrp="1"/>
          </p:cNvSpPr>
          <p:nvPr>
            <p:ph type="dt" sz="half" idx="15"/>
          </p:nvPr>
        </p:nvSpPr>
        <p:spPr/>
        <p:txBody>
          <a:bodyPr/>
          <a:lstStyle/>
          <a:p>
            <a:endParaRPr lang="en-GB"/>
          </a:p>
        </p:txBody>
      </p:sp>
      <p:sp>
        <p:nvSpPr>
          <p:cNvPr id="8" name="TextBox 7">
            <a:extLst>
              <a:ext uri="{FF2B5EF4-FFF2-40B4-BE49-F238E27FC236}">
                <a16:creationId xmlns:a16="http://schemas.microsoft.com/office/drawing/2014/main" id="{6E140C7F-10FB-452E-8C17-BCB4EDFCA951}"/>
              </a:ext>
            </a:extLst>
          </p:cNvPr>
          <p:cNvSpPr txBox="1"/>
          <p:nvPr userDrawn="1"/>
        </p:nvSpPr>
        <p:spPr>
          <a:xfrm>
            <a:off x="4046483" y="6224378"/>
            <a:ext cx="4099035" cy="184666"/>
          </a:xfrm>
          <a:prstGeom prst="rect">
            <a:avLst/>
          </a:prstGeom>
          <a:noFill/>
        </p:spPr>
        <p:txBody>
          <a:bodyPr wrap="square" lIns="0" tIns="0" rIns="0" bIns="0" rtlCol="0">
            <a:spAutoFit/>
          </a:bodyPr>
          <a:lstStyle/>
          <a:p>
            <a:pPr algn="ctr"/>
            <a:r>
              <a:rPr lang="da-DK" sz="1200">
                <a:solidFill>
                  <a:schemeClr val="tx2"/>
                </a:solidFill>
                <a:latin typeface="Maersk Headline Light" panose="00000400000000000000" pitchFamily="50" charset="0"/>
              </a:rPr>
              <a:t>No </a:t>
            </a:r>
            <a:r>
              <a:rPr lang="da-DK" sz="1200" err="1">
                <a:solidFill>
                  <a:schemeClr val="tx2"/>
                </a:solidFill>
                <a:latin typeface="Maersk Headline Light" panose="00000400000000000000" pitchFamily="50" charset="0"/>
              </a:rPr>
              <a:t>resource</a:t>
            </a:r>
            <a:r>
              <a:rPr lang="da-DK" sz="1200">
                <a:solidFill>
                  <a:schemeClr val="tx2"/>
                </a:solidFill>
                <a:latin typeface="Maersk Headline Light" panose="00000400000000000000" pitchFamily="50" charset="0"/>
              </a:rPr>
              <a:t> </a:t>
            </a:r>
            <a:r>
              <a:rPr lang="da-DK" sz="1200" err="1">
                <a:solidFill>
                  <a:schemeClr val="tx2"/>
                </a:solidFill>
                <a:latin typeface="Maersk Headline Light" panose="00000400000000000000" pitchFamily="50" charset="0"/>
              </a:rPr>
              <a:t>wasted</a:t>
            </a:r>
            <a:endParaRPr lang="da-DK" sz="1200">
              <a:solidFill>
                <a:schemeClr val="tx2"/>
              </a:solidFill>
              <a:latin typeface="Maersk Headline Light" panose="00000400000000000000" pitchFamily="50" charset="0"/>
            </a:endParaRPr>
          </a:p>
        </p:txBody>
      </p:sp>
    </p:spTree>
    <p:extLst>
      <p:ext uri="{BB962C8B-B14F-4D97-AF65-F5344CB8AC3E}">
        <p14:creationId xmlns:p14="http://schemas.microsoft.com/office/powerpoint/2010/main" val="365814173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3" y="501650"/>
            <a:ext cx="11190287" cy="719138"/>
          </a:xfrm>
        </p:spPr>
        <p:txBody>
          <a:bodyPr/>
          <a:lstStyle>
            <a:lvl1pPr>
              <a:defRPr>
                <a:solidFill>
                  <a:schemeClr val="bg2"/>
                </a:solidFill>
              </a:defRPr>
            </a:lvl1pPr>
          </a:lstStyle>
          <a:p>
            <a:r>
              <a:rPr lang="en-GB"/>
              <a:t>Click to add title</a:t>
            </a:r>
          </a:p>
        </p:txBody>
      </p:sp>
      <p:sp>
        <p:nvSpPr>
          <p:cNvPr id="3" name="Content Placeholder 2"/>
          <p:cNvSpPr>
            <a:spLocks noGrp="1"/>
          </p:cNvSpPr>
          <p:nvPr>
            <p:ph sz="half" idx="1" hasCustomPrompt="1"/>
          </p:nvPr>
        </p:nvSpPr>
        <p:spPr>
          <a:xfrm>
            <a:off x="500063" y="1847179"/>
            <a:ext cx="5464800" cy="3790800"/>
          </a:xfrm>
          <a:solidFill>
            <a:schemeClr val="bg1"/>
          </a:solidFill>
        </p:spPr>
        <p:txBody>
          <a:bodyPr/>
          <a:lstStyle>
            <a:lvl1pPr>
              <a:buClr>
                <a:schemeClr val="accent2"/>
              </a:buClr>
              <a:defRPr/>
            </a:lvl1pPr>
            <a:lvl2pPr>
              <a:buClr>
                <a:schemeClr val="accent2"/>
              </a:buClr>
              <a:defRPr/>
            </a:lvl2pPr>
            <a:lvl3pPr>
              <a:buClr>
                <a:schemeClr val="accent2"/>
              </a:buClr>
              <a:defRPr/>
            </a:lvl3pPr>
            <a:lvl4pPr>
              <a:defRPr>
                <a:solidFill>
                  <a:schemeClr val="accent2"/>
                </a:solidFill>
              </a:defRPr>
            </a:lvl4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4" name="Content Placeholder 3"/>
          <p:cNvSpPr>
            <a:spLocks noGrp="1"/>
          </p:cNvSpPr>
          <p:nvPr>
            <p:ph sz="half" idx="2" hasCustomPrompt="1"/>
          </p:nvPr>
        </p:nvSpPr>
        <p:spPr>
          <a:xfrm>
            <a:off x="6225550" y="1847179"/>
            <a:ext cx="5464800" cy="3790800"/>
          </a:xfrm>
          <a:solidFill>
            <a:schemeClr val="bg1"/>
          </a:solidFill>
        </p:spPr>
        <p:txBody>
          <a:bodyPr/>
          <a:lstStyle>
            <a:lvl1pPr>
              <a:buClr>
                <a:schemeClr val="accent2"/>
              </a:buClr>
              <a:defRPr/>
            </a:lvl1pPr>
            <a:lvl2pPr>
              <a:buClr>
                <a:schemeClr val="accent2"/>
              </a:buClr>
              <a:defRPr/>
            </a:lvl2pPr>
            <a:lvl3pPr>
              <a:buClr>
                <a:schemeClr val="accent2"/>
              </a:buClr>
              <a:defRPr/>
            </a:lvl3pPr>
            <a:lvl4pPr>
              <a:defRPr>
                <a:solidFill>
                  <a:schemeClr val="accent2"/>
                </a:solidFill>
              </a:defRPr>
            </a:lvl4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13" name="Slide Number Placeholder 12">
            <a:extLst>
              <a:ext uri="{FF2B5EF4-FFF2-40B4-BE49-F238E27FC236}">
                <a16:creationId xmlns:a16="http://schemas.microsoft.com/office/drawing/2014/main" id="{E56BDAC3-1A7D-4E21-85A0-10315A7DA9F4}"/>
              </a:ext>
            </a:extLst>
          </p:cNvPr>
          <p:cNvSpPr>
            <a:spLocks noGrp="1"/>
          </p:cNvSpPr>
          <p:nvPr>
            <p:ph type="sldNum" sz="quarter" idx="16"/>
          </p:nvPr>
        </p:nvSpPr>
        <p:spPr/>
        <p:txBody>
          <a:bodyPr/>
          <a:lstStyle/>
          <a:p>
            <a:fld id="{43A204BC-C5BA-4EF4-ABC8-D45123A0C528}" type="slidenum">
              <a:rPr lang="en-GB" smtClean="0"/>
              <a:pPr/>
              <a:t>‹#›</a:t>
            </a:fld>
            <a:endParaRPr lang="en-GB"/>
          </a:p>
        </p:txBody>
      </p:sp>
      <p:sp>
        <p:nvSpPr>
          <p:cNvPr id="11" name="Date Placeholder 10" hidden="1">
            <a:extLst>
              <a:ext uri="{FF2B5EF4-FFF2-40B4-BE49-F238E27FC236}">
                <a16:creationId xmlns:a16="http://schemas.microsoft.com/office/drawing/2014/main" id="{C8F53383-3780-4626-A2BE-E67BBD0A1DFE}"/>
              </a:ext>
            </a:extLst>
          </p:cNvPr>
          <p:cNvSpPr>
            <a:spLocks noGrp="1"/>
          </p:cNvSpPr>
          <p:nvPr>
            <p:ph type="dt" sz="half" idx="14"/>
          </p:nvPr>
        </p:nvSpPr>
        <p:spPr/>
        <p:txBody>
          <a:bodyPr/>
          <a:lstStyle/>
          <a:p>
            <a:endParaRPr lang="en-GB"/>
          </a:p>
        </p:txBody>
      </p:sp>
      <p:sp>
        <p:nvSpPr>
          <p:cNvPr id="7" name="TextBox 6">
            <a:extLst>
              <a:ext uri="{FF2B5EF4-FFF2-40B4-BE49-F238E27FC236}">
                <a16:creationId xmlns:a16="http://schemas.microsoft.com/office/drawing/2014/main" id="{32DE14BD-781F-4946-BAA8-B73B6270F85C}"/>
              </a:ext>
            </a:extLst>
          </p:cNvPr>
          <p:cNvSpPr txBox="1"/>
          <p:nvPr userDrawn="1"/>
        </p:nvSpPr>
        <p:spPr>
          <a:xfrm>
            <a:off x="4046483" y="6224378"/>
            <a:ext cx="4099035" cy="184666"/>
          </a:xfrm>
          <a:prstGeom prst="rect">
            <a:avLst/>
          </a:prstGeom>
          <a:noFill/>
        </p:spPr>
        <p:txBody>
          <a:bodyPr wrap="square" lIns="0" tIns="0" rIns="0" bIns="0" rtlCol="0">
            <a:spAutoFit/>
          </a:bodyPr>
          <a:lstStyle/>
          <a:p>
            <a:pPr algn="ctr"/>
            <a:r>
              <a:rPr lang="da-DK" sz="1200">
                <a:solidFill>
                  <a:schemeClr val="tx2"/>
                </a:solidFill>
                <a:latin typeface="Maersk Headline Light" panose="00000400000000000000" pitchFamily="50" charset="0"/>
              </a:rPr>
              <a:t>No </a:t>
            </a:r>
            <a:r>
              <a:rPr lang="da-DK" sz="1200" err="1">
                <a:solidFill>
                  <a:schemeClr val="tx2"/>
                </a:solidFill>
                <a:latin typeface="Maersk Headline Light" panose="00000400000000000000" pitchFamily="50" charset="0"/>
              </a:rPr>
              <a:t>resource</a:t>
            </a:r>
            <a:r>
              <a:rPr lang="da-DK" sz="1200">
                <a:solidFill>
                  <a:schemeClr val="tx2"/>
                </a:solidFill>
                <a:latin typeface="Maersk Headline Light" panose="00000400000000000000" pitchFamily="50" charset="0"/>
              </a:rPr>
              <a:t> </a:t>
            </a:r>
            <a:r>
              <a:rPr lang="da-DK" sz="1200" err="1">
                <a:solidFill>
                  <a:schemeClr val="tx2"/>
                </a:solidFill>
                <a:latin typeface="Maersk Headline Light" panose="00000400000000000000" pitchFamily="50" charset="0"/>
              </a:rPr>
              <a:t>wasted</a:t>
            </a:r>
            <a:endParaRPr lang="da-DK" sz="1200">
              <a:solidFill>
                <a:schemeClr val="tx2"/>
              </a:solidFill>
              <a:latin typeface="Maersk Headline Light" panose="00000400000000000000" pitchFamily="50" charset="0"/>
            </a:endParaRPr>
          </a:p>
        </p:txBody>
      </p:sp>
    </p:spTree>
    <p:extLst>
      <p:ext uri="{BB962C8B-B14F-4D97-AF65-F5344CB8AC3E}">
        <p14:creationId xmlns:p14="http://schemas.microsoft.com/office/powerpoint/2010/main" val="166862588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3" y="501650"/>
            <a:ext cx="11190287" cy="719138"/>
          </a:xfrm>
        </p:spPr>
        <p:txBody>
          <a:bodyPr/>
          <a:lstStyle>
            <a:lvl1pPr>
              <a:defRPr>
                <a:solidFill>
                  <a:schemeClr val="bg2"/>
                </a:solidFill>
              </a:defRPr>
            </a:lvl1pPr>
          </a:lstStyle>
          <a:p>
            <a:r>
              <a:rPr lang="en-GB"/>
              <a:t>Click to add title</a:t>
            </a:r>
          </a:p>
        </p:txBody>
      </p:sp>
      <p:sp>
        <p:nvSpPr>
          <p:cNvPr id="3" name="Content Placeholder 2"/>
          <p:cNvSpPr>
            <a:spLocks noGrp="1"/>
          </p:cNvSpPr>
          <p:nvPr>
            <p:ph sz="half" idx="1" hasCustomPrompt="1"/>
          </p:nvPr>
        </p:nvSpPr>
        <p:spPr>
          <a:xfrm>
            <a:off x="500063" y="1847179"/>
            <a:ext cx="3578225" cy="3790800"/>
          </a:xfrm>
          <a:solidFill>
            <a:schemeClr val="bg1"/>
          </a:solidFill>
        </p:spPr>
        <p:txBody>
          <a:bodyPr/>
          <a:lstStyle>
            <a:lvl1pPr>
              <a:buClr>
                <a:schemeClr val="accent2"/>
              </a:buClr>
              <a:defRPr/>
            </a:lvl1pPr>
            <a:lvl2pPr>
              <a:buClr>
                <a:schemeClr val="accent2"/>
              </a:buClr>
              <a:defRPr/>
            </a:lvl2pPr>
            <a:lvl3pPr>
              <a:buClr>
                <a:schemeClr val="accent2"/>
              </a:buClr>
              <a:defRPr/>
            </a:lvl3pPr>
            <a:lvl4pPr>
              <a:defRPr>
                <a:solidFill>
                  <a:schemeClr val="accent2"/>
                </a:solidFill>
              </a:defRPr>
            </a:lvl4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4" name="Content Placeholder 3"/>
          <p:cNvSpPr>
            <a:spLocks noGrp="1"/>
          </p:cNvSpPr>
          <p:nvPr>
            <p:ph sz="half" idx="2" hasCustomPrompt="1"/>
          </p:nvPr>
        </p:nvSpPr>
        <p:spPr>
          <a:xfrm>
            <a:off x="4314825" y="1847179"/>
            <a:ext cx="7375525" cy="3790800"/>
          </a:xfrm>
          <a:solidFill>
            <a:schemeClr val="bg1"/>
          </a:solidFill>
        </p:spPr>
        <p:txBody>
          <a:bodyPr/>
          <a:lstStyle>
            <a:lvl1pPr>
              <a:buClr>
                <a:schemeClr val="accent2"/>
              </a:buClr>
              <a:defRPr/>
            </a:lvl1pPr>
            <a:lvl2pPr>
              <a:buClr>
                <a:schemeClr val="accent2"/>
              </a:buClr>
              <a:defRPr/>
            </a:lvl2pPr>
            <a:lvl3pPr>
              <a:buClr>
                <a:schemeClr val="accent2"/>
              </a:buClr>
              <a:defRPr/>
            </a:lvl3pPr>
            <a:lvl4pPr>
              <a:defRPr>
                <a:solidFill>
                  <a:schemeClr val="accent2"/>
                </a:solidFill>
              </a:defRPr>
            </a:lvl4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13" name="Slide Number Placeholder 12">
            <a:extLst>
              <a:ext uri="{FF2B5EF4-FFF2-40B4-BE49-F238E27FC236}">
                <a16:creationId xmlns:a16="http://schemas.microsoft.com/office/drawing/2014/main" id="{E56BDAC3-1A7D-4E21-85A0-10315A7DA9F4}"/>
              </a:ext>
            </a:extLst>
          </p:cNvPr>
          <p:cNvSpPr>
            <a:spLocks noGrp="1"/>
          </p:cNvSpPr>
          <p:nvPr>
            <p:ph type="sldNum" sz="quarter" idx="16"/>
          </p:nvPr>
        </p:nvSpPr>
        <p:spPr/>
        <p:txBody>
          <a:bodyPr/>
          <a:lstStyle/>
          <a:p>
            <a:fld id="{43A204BC-C5BA-4EF4-ABC8-D45123A0C528}" type="slidenum">
              <a:rPr lang="en-GB" smtClean="0"/>
              <a:pPr/>
              <a:t>‹#›</a:t>
            </a:fld>
            <a:endParaRPr lang="en-GB"/>
          </a:p>
        </p:txBody>
      </p:sp>
      <p:sp>
        <p:nvSpPr>
          <p:cNvPr id="11" name="Date Placeholder 10" hidden="1">
            <a:extLst>
              <a:ext uri="{FF2B5EF4-FFF2-40B4-BE49-F238E27FC236}">
                <a16:creationId xmlns:a16="http://schemas.microsoft.com/office/drawing/2014/main" id="{C8F53383-3780-4626-A2BE-E67BBD0A1DFE}"/>
              </a:ext>
            </a:extLst>
          </p:cNvPr>
          <p:cNvSpPr>
            <a:spLocks noGrp="1"/>
          </p:cNvSpPr>
          <p:nvPr>
            <p:ph type="dt" sz="half" idx="14"/>
          </p:nvPr>
        </p:nvSpPr>
        <p:spPr/>
        <p:txBody>
          <a:bodyPr/>
          <a:lstStyle/>
          <a:p>
            <a:endParaRPr lang="en-GB"/>
          </a:p>
        </p:txBody>
      </p:sp>
      <p:sp>
        <p:nvSpPr>
          <p:cNvPr id="7" name="TextBox 6">
            <a:extLst>
              <a:ext uri="{FF2B5EF4-FFF2-40B4-BE49-F238E27FC236}">
                <a16:creationId xmlns:a16="http://schemas.microsoft.com/office/drawing/2014/main" id="{FFC3AE75-6C5B-4694-BA30-BC6147247602}"/>
              </a:ext>
            </a:extLst>
          </p:cNvPr>
          <p:cNvSpPr txBox="1"/>
          <p:nvPr userDrawn="1"/>
        </p:nvSpPr>
        <p:spPr>
          <a:xfrm>
            <a:off x="4046483" y="6224378"/>
            <a:ext cx="4099035" cy="184666"/>
          </a:xfrm>
          <a:prstGeom prst="rect">
            <a:avLst/>
          </a:prstGeom>
          <a:noFill/>
        </p:spPr>
        <p:txBody>
          <a:bodyPr wrap="square" lIns="0" tIns="0" rIns="0" bIns="0" rtlCol="0">
            <a:spAutoFit/>
          </a:bodyPr>
          <a:lstStyle/>
          <a:p>
            <a:pPr algn="ctr"/>
            <a:r>
              <a:rPr lang="da-DK" sz="1200">
                <a:solidFill>
                  <a:schemeClr val="tx2"/>
                </a:solidFill>
                <a:latin typeface="Maersk Headline Light" panose="00000400000000000000" pitchFamily="50" charset="0"/>
              </a:rPr>
              <a:t>No </a:t>
            </a:r>
            <a:r>
              <a:rPr lang="da-DK" sz="1200" err="1">
                <a:solidFill>
                  <a:schemeClr val="tx2"/>
                </a:solidFill>
                <a:latin typeface="Maersk Headline Light" panose="00000400000000000000" pitchFamily="50" charset="0"/>
              </a:rPr>
              <a:t>resource</a:t>
            </a:r>
            <a:r>
              <a:rPr lang="da-DK" sz="1200">
                <a:solidFill>
                  <a:schemeClr val="tx2"/>
                </a:solidFill>
                <a:latin typeface="Maersk Headline Light" panose="00000400000000000000" pitchFamily="50" charset="0"/>
              </a:rPr>
              <a:t> </a:t>
            </a:r>
            <a:r>
              <a:rPr lang="da-DK" sz="1200" err="1">
                <a:solidFill>
                  <a:schemeClr val="tx2"/>
                </a:solidFill>
                <a:latin typeface="Maersk Headline Light" panose="00000400000000000000" pitchFamily="50" charset="0"/>
              </a:rPr>
              <a:t>wasted</a:t>
            </a:r>
            <a:endParaRPr lang="da-DK" sz="1200">
              <a:solidFill>
                <a:schemeClr val="tx2"/>
              </a:solidFill>
              <a:latin typeface="Maersk Headline Light" panose="00000400000000000000" pitchFamily="50" charset="0"/>
            </a:endParaRPr>
          </a:p>
        </p:txBody>
      </p:sp>
    </p:spTree>
    <p:extLst>
      <p:ext uri="{BB962C8B-B14F-4D97-AF65-F5344CB8AC3E}">
        <p14:creationId xmlns:p14="http://schemas.microsoft.com/office/powerpoint/2010/main" val="225977502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content and pictur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0063" y="501650"/>
            <a:ext cx="6675437" cy="719138"/>
          </a:xfrm>
        </p:spPr>
        <p:txBody>
          <a:bodyPr/>
          <a:lstStyle>
            <a:lvl1pPr>
              <a:defRPr>
                <a:solidFill>
                  <a:schemeClr val="bg2"/>
                </a:solidFill>
              </a:defRPr>
            </a:lvl1pPr>
          </a:lstStyle>
          <a:p>
            <a:r>
              <a:rPr lang="en-GB" noProof="0"/>
              <a:t>Click to add title</a:t>
            </a:r>
          </a:p>
        </p:txBody>
      </p:sp>
      <p:sp>
        <p:nvSpPr>
          <p:cNvPr id="7" name="Content Placeholder 2"/>
          <p:cNvSpPr>
            <a:spLocks noGrp="1"/>
          </p:cNvSpPr>
          <p:nvPr>
            <p:ph sz="quarter" idx="13" hasCustomPrompt="1"/>
          </p:nvPr>
        </p:nvSpPr>
        <p:spPr>
          <a:xfrm>
            <a:off x="500063" y="1950098"/>
            <a:ext cx="6675437" cy="1718207"/>
          </a:xfrm>
        </p:spPr>
        <p:txBody>
          <a:bodyPr/>
          <a:lstStyle>
            <a:lvl1pPr>
              <a:buClr>
                <a:schemeClr val="accent2"/>
              </a:buClr>
              <a:defRPr/>
            </a:lvl1pPr>
            <a:lvl2pPr>
              <a:buClr>
                <a:schemeClr val="accent2"/>
              </a:buClr>
              <a:defRPr/>
            </a:lvl2pPr>
            <a:lvl3pPr>
              <a:buClr>
                <a:schemeClr val="accent2"/>
              </a:buClr>
              <a:defRPr/>
            </a:lvl3pPr>
            <a:lvl4pPr>
              <a:defRPr>
                <a:solidFill>
                  <a:schemeClr val="accent2"/>
                </a:solidFill>
              </a:defRPr>
            </a:lvl4pPr>
          </a:lstStyle>
          <a:p>
            <a:pPr lvl="0"/>
            <a:r>
              <a:rPr lang="en-GB" noProof="0"/>
              <a:t>Click to add text</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23" name="Picture Placeholder 3"/>
          <p:cNvSpPr>
            <a:spLocks noGrp="1"/>
          </p:cNvSpPr>
          <p:nvPr>
            <p:ph type="pic" sz="quarter" idx="14" hasCustomPrompt="1"/>
          </p:nvPr>
        </p:nvSpPr>
        <p:spPr>
          <a:xfrm>
            <a:off x="8129587" y="501650"/>
            <a:ext cx="3560763" cy="5135563"/>
          </a:xfrm>
        </p:spPr>
        <p:txBody>
          <a:bodyPr tIns="72000" anchor="t" anchorCtr="0"/>
          <a:lstStyle>
            <a:lvl1pPr marL="0" marR="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sz="1200"/>
            </a:lvl1pPr>
          </a:lstStyle>
          <a:p>
            <a:pPr marL="0" marR="0" lvl="0" indent="0" algn="ctr" defTabSz="914400" rtl="0" eaLnBrk="1" fontAlgn="auto" latinLnBrk="0" hangingPunct="1">
              <a:lnSpc>
                <a:spcPct val="90000"/>
              </a:lnSpc>
              <a:spcBef>
                <a:spcPts val="0"/>
              </a:spcBef>
              <a:spcAft>
                <a:spcPts val="600"/>
              </a:spcAft>
              <a:buClr>
                <a:schemeClr val="accent1"/>
              </a:buClr>
              <a:buSzTx/>
              <a:buFont typeface="Arial" panose="020B0604020202020204" pitchFamily="34" charset="0"/>
              <a:buNone/>
              <a:tabLst/>
              <a:defRPr/>
            </a:pPr>
            <a:r>
              <a:rPr lang="en-GB"/>
              <a:t>Click on icon to insert picture</a:t>
            </a:r>
          </a:p>
        </p:txBody>
      </p:sp>
      <p:sp>
        <p:nvSpPr>
          <p:cNvPr id="9" name="Slide Number Placeholder 8">
            <a:extLst>
              <a:ext uri="{FF2B5EF4-FFF2-40B4-BE49-F238E27FC236}">
                <a16:creationId xmlns:a16="http://schemas.microsoft.com/office/drawing/2014/main" id="{DDAB2A36-6220-480C-B58F-CFF0A15787CF}"/>
              </a:ext>
            </a:extLst>
          </p:cNvPr>
          <p:cNvSpPr>
            <a:spLocks noGrp="1"/>
          </p:cNvSpPr>
          <p:nvPr>
            <p:ph type="sldNum" sz="quarter" idx="17"/>
          </p:nvPr>
        </p:nvSpPr>
        <p:spPr/>
        <p:txBody>
          <a:bodyPr/>
          <a:lstStyle/>
          <a:p>
            <a:fld id="{43A204BC-C5BA-4EF4-ABC8-D45123A0C528}" type="slidenum">
              <a:rPr lang="en-GB" smtClean="0"/>
              <a:pPr/>
              <a:t>‹#›</a:t>
            </a:fld>
            <a:endParaRPr lang="en-GB"/>
          </a:p>
        </p:txBody>
      </p:sp>
      <p:sp>
        <p:nvSpPr>
          <p:cNvPr id="6" name="Date Placeholder 5" hidden="1">
            <a:extLst>
              <a:ext uri="{FF2B5EF4-FFF2-40B4-BE49-F238E27FC236}">
                <a16:creationId xmlns:a16="http://schemas.microsoft.com/office/drawing/2014/main" id="{BC8FE318-906F-4EA5-9B25-B9CA26679122}"/>
              </a:ext>
            </a:extLst>
          </p:cNvPr>
          <p:cNvSpPr>
            <a:spLocks noGrp="1"/>
          </p:cNvSpPr>
          <p:nvPr>
            <p:ph type="dt" sz="half" idx="15"/>
          </p:nvPr>
        </p:nvSpPr>
        <p:spPr/>
        <p:txBody>
          <a:bodyPr/>
          <a:lstStyle/>
          <a:p>
            <a:endParaRPr lang="en-GB"/>
          </a:p>
        </p:txBody>
      </p:sp>
      <p:sp>
        <p:nvSpPr>
          <p:cNvPr id="10" name="Content Placeholder 2">
            <a:extLst>
              <a:ext uri="{FF2B5EF4-FFF2-40B4-BE49-F238E27FC236}">
                <a16:creationId xmlns:a16="http://schemas.microsoft.com/office/drawing/2014/main" id="{CA9E8C0B-1C97-4D16-9DD8-EB4FE101D0F5}"/>
              </a:ext>
            </a:extLst>
          </p:cNvPr>
          <p:cNvSpPr>
            <a:spLocks noGrp="1"/>
          </p:cNvSpPr>
          <p:nvPr>
            <p:ph sz="quarter" idx="18" hasCustomPrompt="1"/>
          </p:nvPr>
        </p:nvSpPr>
        <p:spPr>
          <a:xfrm>
            <a:off x="500063" y="3919006"/>
            <a:ext cx="6675436" cy="1718207"/>
          </a:xfrm>
        </p:spPr>
        <p:txBody>
          <a:bodyPr/>
          <a:lstStyle>
            <a:lvl1pPr>
              <a:buClr>
                <a:schemeClr val="accent2"/>
              </a:buClr>
              <a:defRPr/>
            </a:lvl1pPr>
            <a:lvl2pPr>
              <a:buClr>
                <a:schemeClr val="accent2"/>
              </a:buClr>
              <a:defRPr/>
            </a:lvl2pPr>
            <a:lvl3pPr>
              <a:buClr>
                <a:schemeClr val="accent2"/>
              </a:buClr>
              <a:defRPr/>
            </a:lvl3pPr>
            <a:lvl4pPr>
              <a:defRPr>
                <a:solidFill>
                  <a:schemeClr val="accent2"/>
                </a:solidFill>
              </a:defRPr>
            </a:lvl4pPr>
          </a:lstStyle>
          <a:p>
            <a:pPr lvl="0"/>
            <a:r>
              <a:rPr lang="en-GB" noProof="0"/>
              <a:t>Click to add text</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8" name="TextBox 7">
            <a:extLst>
              <a:ext uri="{FF2B5EF4-FFF2-40B4-BE49-F238E27FC236}">
                <a16:creationId xmlns:a16="http://schemas.microsoft.com/office/drawing/2014/main" id="{E1064138-4513-4135-8378-FA77D6979D85}"/>
              </a:ext>
            </a:extLst>
          </p:cNvPr>
          <p:cNvSpPr txBox="1"/>
          <p:nvPr userDrawn="1"/>
        </p:nvSpPr>
        <p:spPr>
          <a:xfrm>
            <a:off x="4046483" y="6224378"/>
            <a:ext cx="4099035" cy="184666"/>
          </a:xfrm>
          <a:prstGeom prst="rect">
            <a:avLst/>
          </a:prstGeom>
          <a:noFill/>
        </p:spPr>
        <p:txBody>
          <a:bodyPr wrap="square" lIns="0" tIns="0" rIns="0" bIns="0" rtlCol="0">
            <a:spAutoFit/>
          </a:bodyPr>
          <a:lstStyle/>
          <a:p>
            <a:pPr algn="ctr"/>
            <a:r>
              <a:rPr lang="da-DK" sz="1200">
                <a:solidFill>
                  <a:schemeClr val="tx2"/>
                </a:solidFill>
                <a:latin typeface="Maersk Headline Light" panose="00000400000000000000" pitchFamily="50" charset="0"/>
              </a:rPr>
              <a:t>No </a:t>
            </a:r>
            <a:r>
              <a:rPr lang="da-DK" sz="1200" err="1">
                <a:solidFill>
                  <a:schemeClr val="tx2"/>
                </a:solidFill>
                <a:latin typeface="Maersk Headline Light" panose="00000400000000000000" pitchFamily="50" charset="0"/>
              </a:rPr>
              <a:t>resource</a:t>
            </a:r>
            <a:r>
              <a:rPr lang="da-DK" sz="1200">
                <a:solidFill>
                  <a:schemeClr val="tx2"/>
                </a:solidFill>
                <a:latin typeface="Maersk Headline Light" panose="00000400000000000000" pitchFamily="50" charset="0"/>
              </a:rPr>
              <a:t> </a:t>
            </a:r>
            <a:r>
              <a:rPr lang="da-DK" sz="1200" err="1">
                <a:solidFill>
                  <a:schemeClr val="tx2"/>
                </a:solidFill>
                <a:latin typeface="Maersk Headline Light" panose="00000400000000000000" pitchFamily="50" charset="0"/>
              </a:rPr>
              <a:t>wasted</a:t>
            </a:r>
            <a:endParaRPr lang="da-DK" sz="1200">
              <a:solidFill>
                <a:schemeClr val="tx2"/>
              </a:solidFill>
              <a:latin typeface="Maersk Headline Light" panose="00000400000000000000" pitchFamily="50" charset="0"/>
            </a:endParaRPr>
          </a:p>
        </p:txBody>
      </p:sp>
    </p:spTree>
    <p:extLst>
      <p:ext uri="{BB962C8B-B14F-4D97-AF65-F5344CB8AC3E}">
        <p14:creationId xmlns:p14="http://schemas.microsoft.com/office/powerpoint/2010/main" val="4224883027"/>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image" Target="../media/image1.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8" Type="http://schemas.openxmlformats.org/officeDocument/2006/relationships/slideLayout" Target="../slideLayouts/slideLayout8.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500399" y="2211477"/>
            <a:ext cx="11189951" cy="3421880"/>
          </a:xfrm>
          <a:prstGeom prst="rect">
            <a:avLst/>
          </a:prstGeom>
        </p:spPr>
        <p:txBody>
          <a:bodyPr vert="horz" lIns="0" tIns="0" rIns="0" bIns="0" rtlCol="0">
            <a:noAutofit/>
          </a:bodyPr>
          <a:lstStyle/>
          <a:p>
            <a:pPr lvl="0"/>
            <a:r>
              <a:rPr lang="en-GB" noProof="0"/>
              <a:t>Level 1</a:t>
            </a:r>
          </a:p>
          <a:p>
            <a:pPr lvl="1"/>
            <a:r>
              <a:rPr lang="en-GB" noProof="0"/>
              <a:t>Level 2</a:t>
            </a:r>
          </a:p>
          <a:p>
            <a:pPr lvl="2"/>
            <a:r>
              <a:rPr lang="en-GB" noProof="0"/>
              <a:t>Level 3</a:t>
            </a:r>
          </a:p>
          <a:p>
            <a:pPr lvl="3"/>
            <a:r>
              <a:rPr lang="en-GB" noProof="0"/>
              <a:t>Level 4, Subhead</a:t>
            </a:r>
          </a:p>
          <a:p>
            <a:pPr lvl="4"/>
            <a:r>
              <a:rPr lang="en-GB" noProof="0"/>
              <a:t>Level 5, headline</a:t>
            </a:r>
          </a:p>
          <a:p>
            <a:pPr lvl="5"/>
            <a:r>
              <a:rPr lang="en-GB" noProof="0"/>
              <a:t>Level 6, headline</a:t>
            </a:r>
          </a:p>
          <a:p>
            <a:pPr lvl="6"/>
            <a:r>
              <a:rPr lang="en-GB" noProof="0"/>
              <a:t>Level 7, note</a:t>
            </a:r>
          </a:p>
          <a:p>
            <a:pPr lvl="7"/>
            <a:r>
              <a:rPr lang="en-GB" noProof="0"/>
              <a:t>Level 8</a:t>
            </a:r>
          </a:p>
          <a:p>
            <a:pPr lvl="8"/>
            <a:r>
              <a:rPr lang="en-GB" noProof="0"/>
              <a:t>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00399" y="501650"/>
            <a:ext cx="11189951" cy="719138"/>
          </a:xfrm>
          <a:prstGeom prst="rect">
            <a:avLst/>
          </a:prstGeom>
        </p:spPr>
        <p:txBody>
          <a:bodyPr vert="horz" lIns="0" tIns="0" rIns="0" bIns="0" rtlCol="0" anchor="t" anchorCtr="0">
            <a:noAutofit/>
          </a:bodyPr>
          <a:lstStyle/>
          <a:p>
            <a:endParaRPr lang="en-GB"/>
          </a:p>
        </p:txBody>
      </p:sp>
      <p:sp>
        <p:nvSpPr>
          <p:cNvPr id="89" name="Slide Number Placeholder 88">
            <a:extLst>
              <a:ext uri="{FF2B5EF4-FFF2-40B4-BE49-F238E27FC236}">
                <a16:creationId xmlns:a16="http://schemas.microsoft.com/office/drawing/2014/main" id="{A67AAF6D-173F-4FC5-B3DD-15256B6A2F34}"/>
              </a:ext>
            </a:extLst>
          </p:cNvPr>
          <p:cNvSpPr>
            <a:spLocks noGrp="1"/>
          </p:cNvSpPr>
          <p:nvPr userDrawn="1">
            <p:ph type="sldNum" sz="quarter" idx="4"/>
          </p:nvPr>
        </p:nvSpPr>
        <p:spPr>
          <a:xfrm>
            <a:off x="481013" y="6240280"/>
            <a:ext cx="412039" cy="185426"/>
          </a:xfrm>
          <a:prstGeom prst="rect">
            <a:avLst/>
          </a:prstGeom>
        </p:spPr>
        <p:txBody>
          <a:bodyPr vert="horz" wrap="none" lIns="0" tIns="0" rIns="0" bIns="0" rtlCol="0" anchor="t"/>
          <a:lstStyle>
            <a:lvl1pPr algn="l">
              <a:defRPr sz="1000">
                <a:solidFill>
                  <a:schemeClr val="tx1"/>
                </a:solidFill>
              </a:defRPr>
            </a:lvl1pPr>
          </a:lstStyle>
          <a:p>
            <a:fld id="{43A204BC-C5BA-4EF4-ABC8-D45123A0C528}" type="slidenum">
              <a:rPr lang="en-GB" smtClean="0"/>
              <a:pPr/>
              <a:t>‹#›</a:t>
            </a:fld>
            <a:endParaRPr lang="en-GB"/>
          </a:p>
        </p:txBody>
      </p:sp>
      <p:sp>
        <p:nvSpPr>
          <p:cNvPr id="2" name="Date Placeholder 1" hidden="1">
            <a:extLst>
              <a:ext uri="{FF2B5EF4-FFF2-40B4-BE49-F238E27FC236}">
                <a16:creationId xmlns:a16="http://schemas.microsoft.com/office/drawing/2014/main" id="{61512BDD-E313-4203-808B-6ECBEE0B5BB4}"/>
              </a:ext>
            </a:extLst>
          </p:cNvPr>
          <p:cNvSpPr>
            <a:spLocks noGrp="1"/>
          </p:cNvSpPr>
          <p:nvPr userDrawn="1">
            <p:ph type="dt" sz="half" idx="2"/>
          </p:nvPr>
        </p:nvSpPr>
        <p:spPr>
          <a:xfrm>
            <a:off x="0" y="6858000"/>
            <a:ext cx="0" cy="0"/>
          </a:xfrm>
          <a:prstGeom prst="rect">
            <a:avLst/>
          </a:prstGeom>
        </p:spPr>
        <p:txBody>
          <a:bodyPr vert="horz" lIns="91440" tIns="45720" rIns="91440" bIns="45720" rtlCol="0" anchor="ctr"/>
          <a:lstStyle>
            <a:lvl1pPr algn="l">
              <a:defRPr sz="100">
                <a:noFill/>
              </a:defRPr>
            </a:lvl1pPr>
          </a:lstStyle>
          <a:p>
            <a:endParaRPr lang="en-GB"/>
          </a:p>
        </p:txBody>
      </p:sp>
      <p:grpSp>
        <p:nvGrpSpPr>
          <p:cNvPr id="174" name="Group 173" hidden="1">
            <a:extLst>
              <a:ext uri="{FF2B5EF4-FFF2-40B4-BE49-F238E27FC236}">
                <a16:creationId xmlns:a16="http://schemas.microsoft.com/office/drawing/2014/main" id="{D7A38859-D4EC-4618-8418-721465648149}"/>
              </a:ext>
            </a:extLst>
          </p:cNvPr>
          <p:cNvGrpSpPr/>
          <p:nvPr userDrawn="1"/>
        </p:nvGrpSpPr>
        <p:grpSpPr>
          <a:xfrm>
            <a:off x="-1" y="0"/>
            <a:ext cx="12192001" cy="6858000"/>
            <a:chOff x="-1" y="0"/>
            <a:chExt cx="12192001" cy="6858000"/>
          </a:xfrm>
        </p:grpSpPr>
        <p:sp>
          <p:nvSpPr>
            <p:cNvPr id="175" name="Rectangle 174">
              <a:extLst>
                <a:ext uri="{FF2B5EF4-FFF2-40B4-BE49-F238E27FC236}">
                  <a16:creationId xmlns:a16="http://schemas.microsoft.com/office/drawing/2014/main" id="{307B5D3C-1C7C-471B-A860-5C616C3BFCD8}"/>
                </a:ext>
              </a:extLst>
            </p:cNvPr>
            <p:cNvSpPr/>
            <p:nvPr userDrawn="1"/>
          </p:nvSpPr>
          <p:spPr>
            <a:xfrm>
              <a:off x="-1" y="0"/>
              <a:ext cx="500400" cy="5004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6" name="Rectangle 175">
              <a:extLst>
                <a:ext uri="{FF2B5EF4-FFF2-40B4-BE49-F238E27FC236}">
                  <a16:creationId xmlns:a16="http://schemas.microsoft.com/office/drawing/2014/main" id="{B44DC7AE-F209-457F-A6E5-79AE3D4E2C9B}"/>
                </a:ext>
              </a:extLst>
            </p:cNvPr>
            <p:cNvSpPr/>
            <p:nvPr userDrawn="1"/>
          </p:nvSpPr>
          <p:spPr>
            <a:xfrm>
              <a:off x="1216699" y="0"/>
              <a:ext cx="237600" cy="5004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7" name="Rectangle 176">
              <a:extLst>
                <a:ext uri="{FF2B5EF4-FFF2-40B4-BE49-F238E27FC236}">
                  <a16:creationId xmlns:a16="http://schemas.microsoft.com/office/drawing/2014/main" id="{94DEC261-B47C-4403-A543-A7ABEA8479D9}"/>
                </a:ext>
              </a:extLst>
            </p:cNvPr>
            <p:cNvSpPr/>
            <p:nvPr userDrawn="1"/>
          </p:nvSpPr>
          <p:spPr>
            <a:xfrm>
              <a:off x="2170599" y="0"/>
              <a:ext cx="237600" cy="5004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8" name="Rectangle 177">
              <a:extLst>
                <a:ext uri="{FF2B5EF4-FFF2-40B4-BE49-F238E27FC236}">
                  <a16:creationId xmlns:a16="http://schemas.microsoft.com/office/drawing/2014/main" id="{DB9E6948-70F8-4F96-AAF8-D9AE09D003DA}"/>
                </a:ext>
              </a:extLst>
            </p:cNvPr>
            <p:cNvSpPr/>
            <p:nvPr userDrawn="1"/>
          </p:nvSpPr>
          <p:spPr>
            <a:xfrm>
              <a:off x="4078399" y="0"/>
              <a:ext cx="237600" cy="5004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79" name="Rectangle 178">
              <a:extLst>
                <a:ext uri="{FF2B5EF4-FFF2-40B4-BE49-F238E27FC236}">
                  <a16:creationId xmlns:a16="http://schemas.microsoft.com/office/drawing/2014/main" id="{95119A73-CCE6-4D08-81D5-1B9644EE48EE}"/>
                </a:ext>
              </a:extLst>
            </p:cNvPr>
            <p:cNvSpPr/>
            <p:nvPr userDrawn="1"/>
          </p:nvSpPr>
          <p:spPr>
            <a:xfrm>
              <a:off x="5032299" y="0"/>
              <a:ext cx="237600" cy="5004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80" name="Rectangle 179">
              <a:extLst>
                <a:ext uri="{FF2B5EF4-FFF2-40B4-BE49-F238E27FC236}">
                  <a16:creationId xmlns:a16="http://schemas.microsoft.com/office/drawing/2014/main" id="{B92C59CD-7453-474F-9C0A-20C402406FFB}"/>
                </a:ext>
              </a:extLst>
            </p:cNvPr>
            <p:cNvSpPr/>
            <p:nvPr userDrawn="1"/>
          </p:nvSpPr>
          <p:spPr>
            <a:xfrm>
              <a:off x="5986199" y="0"/>
              <a:ext cx="237600" cy="5004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81" name="Rectangle 180">
              <a:extLst>
                <a:ext uri="{FF2B5EF4-FFF2-40B4-BE49-F238E27FC236}">
                  <a16:creationId xmlns:a16="http://schemas.microsoft.com/office/drawing/2014/main" id="{2E4458D0-F915-430C-8BD0-5EA111EE9BFC}"/>
                </a:ext>
              </a:extLst>
            </p:cNvPr>
            <p:cNvSpPr/>
            <p:nvPr userDrawn="1"/>
          </p:nvSpPr>
          <p:spPr>
            <a:xfrm>
              <a:off x="6940099" y="0"/>
              <a:ext cx="237600" cy="5004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82" name="Rectangle 181">
              <a:extLst>
                <a:ext uri="{FF2B5EF4-FFF2-40B4-BE49-F238E27FC236}">
                  <a16:creationId xmlns:a16="http://schemas.microsoft.com/office/drawing/2014/main" id="{C1B60FF2-26AE-48CF-A6EE-659366AD657C}"/>
                </a:ext>
              </a:extLst>
            </p:cNvPr>
            <p:cNvSpPr/>
            <p:nvPr userDrawn="1"/>
          </p:nvSpPr>
          <p:spPr>
            <a:xfrm>
              <a:off x="7893999" y="0"/>
              <a:ext cx="237600" cy="5004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83" name="Rectangle 182">
              <a:extLst>
                <a:ext uri="{FF2B5EF4-FFF2-40B4-BE49-F238E27FC236}">
                  <a16:creationId xmlns:a16="http://schemas.microsoft.com/office/drawing/2014/main" id="{D3577377-5EEB-4065-881C-57D0B37E9865}"/>
                </a:ext>
              </a:extLst>
            </p:cNvPr>
            <p:cNvSpPr/>
            <p:nvPr userDrawn="1"/>
          </p:nvSpPr>
          <p:spPr>
            <a:xfrm>
              <a:off x="10755699" y="0"/>
              <a:ext cx="237600" cy="5004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84" name="Rectangle 183">
              <a:extLst>
                <a:ext uri="{FF2B5EF4-FFF2-40B4-BE49-F238E27FC236}">
                  <a16:creationId xmlns:a16="http://schemas.microsoft.com/office/drawing/2014/main" id="{4363FF8A-7ED7-48CE-BABB-F6D9AC13FBD6}"/>
                </a:ext>
              </a:extLst>
            </p:cNvPr>
            <p:cNvSpPr/>
            <p:nvPr userDrawn="1"/>
          </p:nvSpPr>
          <p:spPr>
            <a:xfrm>
              <a:off x="3124499" y="0"/>
              <a:ext cx="237600" cy="5004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85" name="Rectangle 184">
              <a:extLst>
                <a:ext uri="{FF2B5EF4-FFF2-40B4-BE49-F238E27FC236}">
                  <a16:creationId xmlns:a16="http://schemas.microsoft.com/office/drawing/2014/main" id="{86517D68-EF13-4DFC-921D-AC5BBA6BD15D}"/>
                </a:ext>
              </a:extLst>
            </p:cNvPr>
            <p:cNvSpPr/>
            <p:nvPr userDrawn="1"/>
          </p:nvSpPr>
          <p:spPr>
            <a:xfrm>
              <a:off x="8847899" y="0"/>
              <a:ext cx="237600" cy="5004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86" name="Rectangle 185">
              <a:extLst>
                <a:ext uri="{FF2B5EF4-FFF2-40B4-BE49-F238E27FC236}">
                  <a16:creationId xmlns:a16="http://schemas.microsoft.com/office/drawing/2014/main" id="{02F73517-8DD8-4194-949B-CADBD8A31E7B}"/>
                </a:ext>
              </a:extLst>
            </p:cNvPr>
            <p:cNvSpPr/>
            <p:nvPr userDrawn="1"/>
          </p:nvSpPr>
          <p:spPr>
            <a:xfrm>
              <a:off x="9801799" y="0"/>
              <a:ext cx="237600" cy="5004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87" name="Rectangle 186">
              <a:extLst>
                <a:ext uri="{FF2B5EF4-FFF2-40B4-BE49-F238E27FC236}">
                  <a16:creationId xmlns:a16="http://schemas.microsoft.com/office/drawing/2014/main" id="{ED50D744-500F-47AA-B248-45B93E20120C}"/>
                </a:ext>
              </a:extLst>
            </p:cNvPr>
            <p:cNvSpPr/>
            <p:nvPr userDrawn="1"/>
          </p:nvSpPr>
          <p:spPr>
            <a:xfrm>
              <a:off x="11691600" y="0"/>
              <a:ext cx="500400" cy="5004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88" name="Rectangle 187">
              <a:extLst>
                <a:ext uri="{FF2B5EF4-FFF2-40B4-BE49-F238E27FC236}">
                  <a16:creationId xmlns:a16="http://schemas.microsoft.com/office/drawing/2014/main" id="{8701AA33-FE0B-4BD6-96E6-9D335579A502}"/>
                </a:ext>
              </a:extLst>
            </p:cNvPr>
            <p:cNvSpPr/>
            <p:nvPr userDrawn="1"/>
          </p:nvSpPr>
          <p:spPr>
            <a:xfrm>
              <a:off x="-1" y="1224643"/>
              <a:ext cx="5004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89" name="Rectangle 188">
              <a:extLst>
                <a:ext uri="{FF2B5EF4-FFF2-40B4-BE49-F238E27FC236}">
                  <a16:creationId xmlns:a16="http://schemas.microsoft.com/office/drawing/2014/main" id="{DA94630F-ACCD-42ED-B3D9-B479BC981660}"/>
                </a:ext>
              </a:extLst>
            </p:cNvPr>
            <p:cNvSpPr/>
            <p:nvPr userDrawn="1"/>
          </p:nvSpPr>
          <p:spPr>
            <a:xfrm>
              <a:off x="1216699" y="1224643"/>
              <a:ext cx="2376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90" name="Rectangle 189">
              <a:extLst>
                <a:ext uri="{FF2B5EF4-FFF2-40B4-BE49-F238E27FC236}">
                  <a16:creationId xmlns:a16="http://schemas.microsoft.com/office/drawing/2014/main" id="{A89DA123-B19A-4112-8B95-FF301D4B2C51}"/>
                </a:ext>
              </a:extLst>
            </p:cNvPr>
            <p:cNvSpPr/>
            <p:nvPr userDrawn="1"/>
          </p:nvSpPr>
          <p:spPr>
            <a:xfrm>
              <a:off x="2170599" y="1224643"/>
              <a:ext cx="2376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91" name="Rectangle 190">
              <a:extLst>
                <a:ext uri="{FF2B5EF4-FFF2-40B4-BE49-F238E27FC236}">
                  <a16:creationId xmlns:a16="http://schemas.microsoft.com/office/drawing/2014/main" id="{E2BC79C3-F5A3-4BC0-85DD-086C8C14BFDC}"/>
                </a:ext>
              </a:extLst>
            </p:cNvPr>
            <p:cNvSpPr/>
            <p:nvPr userDrawn="1"/>
          </p:nvSpPr>
          <p:spPr>
            <a:xfrm>
              <a:off x="4078399" y="1224643"/>
              <a:ext cx="2376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92" name="Rectangle 191">
              <a:extLst>
                <a:ext uri="{FF2B5EF4-FFF2-40B4-BE49-F238E27FC236}">
                  <a16:creationId xmlns:a16="http://schemas.microsoft.com/office/drawing/2014/main" id="{94F3CF95-D395-4B6A-9A67-44433D1B7BA4}"/>
                </a:ext>
              </a:extLst>
            </p:cNvPr>
            <p:cNvSpPr/>
            <p:nvPr userDrawn="1"/>
          </p:nvSpPr>
          <p:spPr>
            <a:xfrm>
              <a:off x="5032299" y="1224643"/>
              <a:ext cx="2376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93" name="Rectangle 192">
              <a:extLst>
                <a:ext uri="{FF2B5EF4-FFF2-40B4-BE49-F238E27FC236}">
                  <a16:creationId xmlns:a16="http://schemas.microsoft.com/office/drawing/2014/main" id="{26AEC86F-755F-45BA-85B0-CEA1FB10F42B}"/>
                </a:ext>
              </a:extLst>
            </p:cNvPr>
            <p:cNvSpPr/>
            <p:nvPr userDrawn="1"/>
          </p:nvSpPr>
          <p:spPr>
            <a:xfrm>
              <a:off x="5986199" y="1224643"/>
              <a:ext cx="2376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94" name="Rectangle 193">
              <a:extLst>
                <a:ext uri="{FF2B5EF4-FFF2-40B4-BE49-F238E27FC236}">
                  <a16:creationId xmlns:a16="http://schemas.microsoft.com/office/drawing/2014/main" id="{DC3B492E-E926-4726-8A61-A53FC88ECCA2}"/>
                </a:ext>
              </a:extLst>
            </p:cNvPr>
            <p:cNvSpPr/>
            <p:nvPr userDrawn="1"/>
          </p:nvSpPr>
          <p:spPr>
            <a:xfrm>
              <a:off x="6940099" y="1224643"/>
              <a:ext cx="2376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95" name="Rectangle 194">
              <a:extLst>
                <a:ext uri="{FF2B5EF4-FFF2-40B4-BE49-F238E27FC236}">
                  <a16:creationId xmlns:a16="http://schemas.microsoft.com/office/drawing/2014/main" id="{6894D5D1-57CD-4EAB-8C7C-6F0F357AD283}"/>
                </a:ext>
              </a:extLst>
            </p:cNvPr>
            <p:cNvSpPr/>
            <p:nvPr userDrawn="1"/>
          </p:nvSpPr>
          <p:spPr>
            <a:xfrm>
              <a:off x="7893999" y="1224643"/>
              <a:ext cx="2376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96" name="Rectangle 195">
              <a:extLst>
                <a:ext uri="{FF2B5EF4-FFF2-40B4-BE49-F238E27FC236}">
                  <a16:creationId xmlns:a16="http://schemas.microsoft.com/office/drawing/2014/main" id="{960F0FB3-B439-4467-84C7-4186060AF0A1}"/>
                </a:ext>
              </a:extLst>
            </p:cNvPr>
            <p:cNvSpPr/>
            <p:nvPr userDrawn="1"/>
          </p:nvSpPr>
          <p:spPr>
            <a:xfrm>
              <a:off x="10755699" y="1224643"/>
              <a:ext cx="2376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97" name="Rectangle 196">
              <a:extLst>
                <a:ext uri="{FF2B5EF4-FFF2-40B4-BE49-F238E27FC236}">
                  <a16:creationId xmlns:a16="http://schemas.microsoft.com/office/drawing/2014/main" id="{9E9526FD-54DC-46D7-91FD-DA0FE91602DB}"/>
                </a:ext>
              </a:extLst>
            </p:cNvPr>
            <p:cNvSpPr/>
            <p:nvPr userDrawn="1"/>
          </p:nvSpPr>
          <p:spPr>
            <a:xfrm>
              <a:off x="3124499" y="1224643"/>
              <a:ext cx="2376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98" name="Rectangle 197">
              <a:extLst>
                <a:ext uri="{FF2B5EF4-FFF2-40B4-BE49-F238E27FC236}">
                  <a16:creationId xmlns:a16="http://schemas.microsoft.com/office/drawing/2014/main" id="{C1961BF4-3D01-4EA9-8B2E-C2ED1B7F2987}"/>
                </a:ext>
              </a:extLst>
            </p:cNvPr>
            <p:cNvSpPr/>
            <p:nvPr userDrawn="1"/>
          </p:nvSpPr>
          <p:spPr>
            <a:xfrm>
              <a:off x="8847899" y="1224643"/>
              <a:ext cx="2376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199" name="Rectangle 198">
              <a:extLst>
                <a:ext uri="{FF2B5EF4-FFF2-40B4-BE49-F238E27FC236}">
                  <a16:creationId xmlns:a16="http://schemas.microsoft.com/office/drawing/2014/main" id="{4A67B84B-CC5B-44F7-990F-10DCAFEF9F12}"/>
                </a:ext>
              </a:extLst>
            </p:cNvPr>
            <p:cNvSpPr/>
            <p:nvPr userDrawn="1"/>
          </p:nvSpPr>
          <p:spPr>
            <a:xfrm>
              <a:off x="9801799" y="1224643"/>
              <a:ext cx="2376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00" name="Rectangle 199">
              <a:extLst>
                <a:ext uri="{FF2B5EF4-FFF2-40B4-BE49-F238E27FC236}">
                  <a16:creationId xmlns:a16="http://schemas.microsoft.com/office/drawing/2014/main" id="{7D34142F-3A2A-4981-AFEB-FC2BA683BCAF}"/>
                </a:ext>
              </a:extLst>
            </p:cNvPr>
            <p:cNvSpPr/>
            <p:nvPr userDrawn="1"/>
          </p:nvSpPr>
          <p:spPr>
            <a:xfrm>
              <a:off x="11691600" y="1224643"/>
              <a:ext cx="5004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01" name="Rectangle 200">
              <a:extLst>
                <a:ext uri="{FF2B5EF4-FFF2-40B4-BE49-F238E27FC236}">
                  <a16:creationId xmlns:a16="http://schemas.microsoft.com/office/drawing/2014/main" id="{78C540D9-7264-489B-B4AB-E75F4B69F9E0}"/>
                </a:ext>
              </a:extLst>
            </p:cNvPr>
            <p:cNvSpPr/>
            <p:nvPr userDrawn="1"/>
          </p:nvSpPr>
          <p:spPr>
            <a:xfrm>
              <a:off x="-1" y="2450267"/>
              <a:ext cx="500400" cy="196198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02" name="Rectangle 201">
              <a:extLst>
                <a:ext uri="{FF2B5EF4-FFF2-40B4-BE49-F238E27FC236}">
                  <a16:creationId xmlns:a16="http://schemas.microsoft.com/office/drawing/2014/main" id="{2041EC25-1537-4F5D-BB46-804C200CEC2B}"/>
                </a:ext>
              </a:extLst>
            </p:cNvPr>
            <p:cNvSpPr/>
            <p:nvPr userDrawn="1"/>
          </p:nvSpPr>
          <p:spPr>
            <a:xfrm>
              <a:off x="1216699" y="2450267"/>
              <a:ext cx="237600" cy="196198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03" name="Rectangle 202">
              <a:extLst>
                <a:ext uri="{FF2B5EF4-FFF2-40B4-BE49-F238E27FC236}">
                  <a16:creationId xmlns:a16="http://schemas.microsoft.com/office/drawing/2014/main" id="{FBD2CB55-F0E0-4C64-9AF5-29D545125226}"/>
                </a:ext>
              </a:extLst>
            </p:cNvPr>
            <p:cNvSpPr/>
            <p:nvPr userDrawn="1"/>
          </p:nvSpPr>
          <p:spPr>
            <a:xfrm>
              <a:off x="2170599" y="2450267"/>
              <a:ext cx="237600" cy="196198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04" name="Rectangle 203">
              <a:extLst>
                <a:ext uri="{FF2B5EF4-FFF2-40B4-BE49-F238E27FC236}">
                  <a16:creationId xmlns:a16="http://schemas.microsoft.com/office/drawing/2014/main" id="{3B586380-3834-4140-95D0-4CD7C7E84281}"/>
                </a:ext>
              </a:extLst>
            </p:cNvPr>
            <p:cNvSpPr/>
            <p:nvPr userDrawn="1"/>
          </p:nvSpPr>
          <p:spPr>
            <a:xfrm>
              <a:off x="4078399" y="2450267"/>
              <a:ext cx="237600" cy="196198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05" name="Rectangle 204">
              <a:extLst>
                <a:ext uri="{FF2B5EF4-FFF2-40B4-BE49-F238E27FC236}">
                  <a16:creationId xmlns:a16="http://schemas.microsoft.com/office/drawing/2014/main" id="{93E19254-9532-4925-8565-6229DFABBE9F}"/>
                </a:ext>
              </a:extLst>
            </p:cNvPr>
            <p:cNvSpPr/>
            <p:nvPr userDrawn="1"/>
          </p:nvSpPr>
          <p:spPr>
            <a:xfrm>
              <a:off x="5032299" y="2450267"/>
              <a:ext cx="237600" cy="196198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06" name="Rectangle 205">
              <a:extLst>
                <a:ext uri="{FF2B5EF4-FFF2-40B4-BE49-F238E27FC236}">
                  <a16:creationId xmlns:a16="http://schemas.microsoft.com/office/drawing/2014/main" id="{6444B523-DD16-4990-A73B-D543111FE250}"/>
                </a:ext>
              </a:extLst>
            </p:cNvPr>
            <p:cNvSpPr/>
            <p:nvPr userDrawn="1"/>
          </p:nvSpPr>
          <p:spPr>
            <a:xfrm>
              <a:off x="5986199" y="2450267"/>
              <a:ext cx="237600" cy="196198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07" name="Rectangle 206">
              <a:extLst>
                <a:ext uri="{FF2B5EF4-FFF2-40B4-BE49-F238E27FC236}">
                  <a16:creationId xmlns:a16="http://schemas.microsoft.com/office/drawing/2014/main" id="{DF55C084-6DA6-4860-BE85-47E78D85ABF9}"/>
                </a:ext>
              </a:extLst>
            </p:cNvPr>
            <p:cNvSpPr/>
            <p:nvPr userDrawn="1"/>
          </p:nvSpPr>
          <p:spPr>
            <a:xfrm>
              <a:off x="6940099" y="2450267"/>
              <a:ext cx="237600" cy="196198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08" name="Rectangle 207">
              <a:extLst>
                <a:ext uri="{FF2B5EF4-FFF2-40B4-BE49-F238E27FC236}">
                  <a16:creationId xmlns:a16="http://schemas.microsoft.com/office/drawing/2014/main" id="{672F06BB-16D8-452B-A42C-B264460C6E6B}"/>
                </a:ext>
              </a:extLst>
            </p:cNvPr>
            <p:cNvSpPr/>
            <p:nvPr userDrawn="1"/>
          </p:nvSpPr>
          <p:spPr>
            <a:xfrm>
              <a:off x="7893999" y="2450267"/>
              <a:ext cx="237600" cy="196198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09" name="Rectangle 208">
              <a:extLst>
                <a:ext uri="{FF2B5EF4-FFF2-40B4-BE49-F238E27FC236}">
                  <a16:creationId xmlns:a16="http://schemas.microsoft.com/office/drawing/2014/main" id="{72EF6CF6-EA31-4136-A1EB-DD3B5FEB6A01}"/>
                </a:ext>
              </a:extLst>
            </p:cNvPr>
            <p:cNvSpPr/>
            <p:nvPr userDrawn="1"/>
          </p:nvSpPr>
          <p:spPr>
            <a:xfrm>
              <a:off x="10755699" y="2450267"/>
              <a:ext cx="237600" cy="196198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10" name="Rectangle 209">
              <a:extLst>
                <a:ext uri="{FF2B5EF4-FFF2-40B4-BE49-F238E27FC236}">
                  <a16:creationId xmlns:a16="http://schemas.microsoft.com/office/drawing/2014/main" id="{7DEC5F04-9F54-4E89-9B10-986190037875}"/>
                </a:ext>
              </a:extLst>
            </p:cNvPr>
            <p:cNvSpPr/>
            <p:nvPr userDrawn="1"/>
          </p:nvSpPr>
          <p:spPr>
            <a:xfrm>
              <a:off x="3124499" y="2450267"/>
              <a:ext cx="237600" cy="196198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11" name="Rectangle 210">
              <a:extLst>
                <a:ext uri="{FF2B5EF4-FFF2-40B4-BE49-F238E27FC236}">
                  <a16:creationId xmlns:a16="http://schemas.microsoft.com/office/drawing/2014/main" id="{72C21516-B891-4F33-BF4E-D1D41016D147}"/>
                </a:ext>
              </a:extLst>
            </p:cNvPr>
            <p:cNvSpPr/>
            <p:nvPr userDrawn="1"/>
          </p:nvSpPr>
          <p:spPr>
            <a:xfrm>
              <a:off x="8847899" y="2450267"/>
              <a:ext cx="237600" cy="196198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12" name="Rectangle 211">
              <a:extLst>
                <a:ext uri="{FF2B5EF4-FFF2-40B4-BE49-F238E27FC236}">
                  <a16:creationId xmlns:a16="http://schemas.microsoft.com/office/drawing/2014/main" id="{91DDE515-7F2B-421A-A7BA-9930ECB68820}"/>
                </a:ext>
              </a:extLst>
            </p:cNvPr>
            <p:cNvSpPr/>
            <p:nvPr userDrawn="1"/>
          </p:nvSpPr>
          <p:spPr>
            <a:xfrm>
              <a:off x="9801799" y="2450267"/>
              <a:ext cx="237600" cy="196198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13" name="Rectangle 212">
              <a:extLst>
                <a:ext uri="{FF2B5EF4-FFF2-40B4-BE49-F238E27FC236}">
                  <a16:creationId xmlns:a16="http://schemas.microsoft.com/office/drawing/2014/main" id="{8EF5BD5F-8B8E-4686-8068-6780D65C2E54}"/>
                </a:ext>
              </a:extLst>
            </p:cNvPr>
            <p:cNvSpPr/>
            <p:nvPr userDrawn="1"/>
          </p:nvSpPr>
          <p:spPr>
            <a:xfrm>
              <a:off x="11691600" y="2450267"/>
              <a:ext cx="500400" cy="196198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14" name="Rectangle 213">
              <a:extLst>
                <a:ext uri="{FF2B5EF4-FFF2-40B4-BE49-F238E27FC236}">
                  <a16:creationId xmlns:a16="http://schemas.microsoft.com/office/drawing/2014/main" id="{D3404E99-F034-4935-888D-3A191CA9B439}"/>
                </a:ext>
              </a:extLst>
            </p:cNvPr>
            <p:cNvSpPr/>
            <p:nvPr userDrawn="1"/>
          </p:nvSpPr>
          <p:spPr>
            <a:xfrm>
              <a:off x="-1" y="4654991"/>
              <a:ext cx="5004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15" name="Rectangle 214">
              <a:extLst>
                <a:ext uri="{FF2B5EF4-FFF2-40B4-BE49-F238E27FC236}">
                  <a16:creationId xmlns:a16="http://schemas.microsoft.com/office/drawing/2014/main" id="{DAFB3F74-A7BC-4A42-B10B-24E855F8A6CB}"/>
                </a:ext>
              </a:extLst>
            </p:cNvPr>
            <p:cNvSpPr/>
            <p:nvPr userDrawn="1"/>
          </p:nvSpPr>
          <p:spPr>
            <a:xfrm>
              <a:off x="1216699" y="4654991"/>
              <a:ext cx="2376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16" name="Rectangle 215">
              <a:extLst>
                <a:ext uri="{FF2B5EF4-FFF2-40B4-BE49-F238E27FC236}">
                  <a16:creationId xmlns:a16="http://schemas.microsoft.com/office/drawing/2014/main" id="{DFA3C7EC-F5FA-4FC1-B161-4FEFFCBBE188}"/>
                </a:ext>
              </a:extLst>
            </p:cNvPr>
            <p:cNvSpPr/>
            <p:nvPr userDrawn="1"/>
          </p:nvSpPr>
          <p:spPr>
            <a:xfrm>
              <a:off x="2170599" y="4654991"/>
              <a:ext cx="2376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17" name="Rectangle 216">
              <a:extLst>
                <a:ext uri="{FF2B5EF4-FFF2-40B4-BE49-F238E27FC236}">
                  <a16:creationId xmlns:a16="http://schemas.microsoft.com/office/drawing/2014/main" id="{B0684A8A-69F6-4F2B-87A4-A77CE3FF097F}"/>
                </a:ext>
              </a:extLst>
            </p:cNvPr>
            <p:cNvSpPr/>
            <p:nvPr userDrawn="1"/>
          </p:nvSpPr>
          <p:spPr>
            <a:xfrm>
              <a:off x="4078399" y="4654991"/>
              <a:ext cx="2376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18" name="Rectangle 217">
              <a:extLst>
                <a:ext uri="{FF2B5EF4-FFF2-40B4-BE49-F238E27FC236}">
                  <a16:creationId xmlns:a16="http://schemas.microsoft.com/office/drawing/2014/main" id="{4EEBB065-0D60-4085-BF79-ECB9FA6EA95C}"/>
                </a:ext>
              </a:extLst>
            </p:cNvPr>
            <p:cNvSpPr/>
            <p:nvPr userDrawn="1"/>
          </p:nvSpPr>
          <p:spPr>
            <a:xfrm>
              <a:off x="5032299" y="4654991"/>
              <a:ext cx="2376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19" name="Rectangle 218">
              <a:extLst>
                <a:ext uri="{FF2B5EF4-FFF2-40B4-BE49-F238E27FC236}">
                  <a16:creationId xmlns:a16="http://schemas.microsoft.com/office/drawing/2014/main" id="{FCADE009-4A36-4DFB-AA4A-3022D75134DC}"/>
                </a:ext>
              </a:extLst>
            </p:cNvPr>
            <p:cNvSpPr/>
            <p:nvPr userDrawn="1"/>
          </p:nvSpPr>
          <p:spPr>
            <a:xfrm>
              <a:off x="5986199" y="4654991"/>
              <a:ext cx="2376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20" name="Rectangle 219">
              <a:extLst>
                <a:ext uri="{FF2B5EF4-FFF2-40B4-BE49-F238E27FC236}">
                  <a16:creationId xmlns:a16="http://schemas.microsoft.com/office/drawing/2014/main" id="{3528044E-8386-41ED-9EB4-701003A4C365}"/>
                </a:ext>
              </a:extLst>
            </p:cNvPr>
            <p:cNvSpPr/>
            <p:nvPr userDrawn="1"/>
          </p:nvSpPr>
          <p:spPr>
            <a:xfrm>
              <a:off x="6940099" y="4654991"/>
              <a:ext cx="2376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21" name="Rectangle 220">
              <a:extLst>
                <a:ext uri="{FF2B5EF4-FFF2-40B4-BE49-F238E27FC236}">
                  <a16:creationId xmlns:a16="http://schemas.microsoft.com/office/drawing/2014/main" id="{F5ECFD1B-E7D9-450C-884A-FCAEBDED0575}"/>
                </a:ext>
              </a:extLst>
            </p:cNvPr>
            <p:cNvSpPr/>
            <p:nvPr userDrawn="1"/>
          </p:nvSpPr>
          <p:spPr>
            <a:xfrm>
              <a:off x="7893999" y="4654991"/>
              <a:ext cx="2376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22" name="Rectangle 221">
              <a:extLst>
                <a:ext uri="{FF2B5EF4-FFF2-40B4-BE49-F238E27FC236}">
                  <a16:creationId xmlns:a16="http://schemas.microsoft.com/office/drawing/2014/main" id="{460A9504-7AFD-4C07-A596-6BE7F5AFACF0}"/>
                </a:ext>
              </a:extLst>
            </p:cNvPr>
            <p:cNvSpPr/>
            <p:nvPr userDrawn="1"/>
          </p:nvSpPr>
          <p:spPr>
            <a:xfrm>
              <a:off x="10755699" y="4654991"/>
              <a:ext cx="2376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23" name="Rectangle 222">
              <a:extLst>
                <a:ext uri="{FF2B5EF4-FFF2-40B4-BE49-F238E27FC236}">
                  <a16:creationId xmlns:a16="http://schemas.microsoft.com/office/drawing/2014/main" id="{BD50F8AB-24BD-4F0F-9843-8740BD3C0D6A}"/>
                </a:ext>
              </a:extLst>
            </p:cNvPr>
            <p:cNvSpPr/>
            <p:nvPr userDrawn="1"/>
          </p:nvSpPr>
          <p:spPr>
            <a:xfrm>
              <a:off x="3124499" y="4654991"/>
              <a:ext cx="2376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24" name="Rectangle 223">
              <a:extLst>
                <a:ext uri="{FF2B5EF4-FFF2-40B4-BE49-F238E27FC236}">
                  <a16:creationId xmlns:a16="http://schemas.microsoft.com/office/drawing/2014/main" id="{53CA188D-C6CD-4FE4-88A4-930F82DB3088}"/>
                </a:ext>
              </a:extLst>
            </p:cNvPr>
            <p:cNvSpPr/>
            <p:nvPr userDrawn="1"/>
          </p:nvSpPr>
          <p:spPr>
            <a:xfrm>
              <a:off x="8847899" y="4654991"/>
              <a:ext cx="2376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25" name="Rectangle 224">
              <a:extLst>
                <a:ext uri="{FF2B5EF4-FFF2-40B4-BE49-F238E27FC236}">
                  <a16:creationId xmlns:a16="http://schemas.microsoft.com/office/drawing/2014/main" id="{5ADBFF7D-145F-482B-B231-62ACD5155EA8}"/>
                </a:ext>
              </a:extLst>
            </p:cNvPr>
            <p:cNvSpPr/>
            <p:nvPr userDrawn="1"/>
          </p:nvSpPr>
          <p:spPr>
            <a:xfrm>
              <a:off x="9801799" y="4654991"/>
              <a:ext cx="2376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26" name="Rectangle 225">
              <a:extLst>
                <a:ext uri="{FF2B5EF4-FFF2-40B4-BE49-F238E27FC236}">
                  <a16:creationId xmlns:a16="http://schemas.microsoft.com/office/drawing/2014/main" id="{67EE486C-2444-4863-BC68-32BC556FEDC4}"/>
                </a:ext>
              </a:extLst>
            </p:cNvPr>
            <p:cNvSpPr/>
            <p:nvPr userDrawn="1"/>
          </p:nvSpPr>
          <p:spPr>
            <a:xfrm>
              <a:off x="11691600" y="4654991"/>
              <a:ext cx="500400" cy="98298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27" name="Rectangle 226">
              <a:extLst>
                <a:ext uri="{FF2B5EF4-FFF2-40B4-BE49-F238E27FC236}">
                  <a16:creationId xmlns:a16="http://schemas.microsoft.com/office/drawing/2014/main" id="{42824A5B-8574-4E35-851A-265D8D8745A7}"/>
                </a:ext>
              </a:extLst>
            </p:cNvPr>
            <p:cNvSpPr/>
            <p:nvPr userDrawn="1"/>
          </p:nvSpPr>
          <p:spPr>
            <a:xfrm>
              <a:off x="-1" y="6364800"/>
              <a:ext cx="500400" cy="4932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28" name="Rectangle 227">
              <a:extLst>
                <a:ext uri="{FF2B5EF4-FFF2-40B4-BE49-F238E27FC236}">
                  <a16:creationId xmlns:a16="http://schemas.microsoft.com/office/drawing/2014/main" id="{DE953AA9-C5CF-466B-8B42-8D5725167660}"/>
                </a:ext>
              </a:extLst>
            </p:cNvPr>
            <p:cNvSpPr/>
            <p:nvPr userDrawn="1"/>
          </p:nvSpPr>
          <p:spPr>
            <a:xfrm>
              <a:off x="1216699" y="6364800"/>
              <a:ext cx="237600" cy="4932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29" name="Rectangle 228">
              <a:extLst>
                <a:ext uri="{FF2B5EF4-FFF2-40B4-BE49-F238E27FC236}">
                  <a16:creationId xmlns:a16="http://schemas.microsoft.com/office/drawing/2014/main" id="{8EC41306-59DC-42AE-A9FF-553B89F57B55}"/>
                </a:ext>
              </a:extLst>
            </p:cNvPr>
            <p:cNvSpPr/>
            <p:nvPr userDrawn="1"/>
          </p:nvSpPr>
          <p:spPr>
            <a:xfrm>
              <a:off x="2170599" y="6364800"/>
              <a:ext cx="237600" cy="4932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30" name="Rectangle 229">
              <a:extLst>
                <a:ext uri="{FF2B5EF4-FFF2-40B4-BE49-F238E27FC236}">
                  <a16:creationId xmlns:a16="http://schemas.microsoft.com/office/drawing/2014/main" id="{6F798083-084D-46C4-9FD9-DB8FCCF43A13}"/>
                </a:ext>
              </a:extLst>
            </p:cNvPr>
            <p:cNvSpPr/>
            <p:nvPr userDrawn="1"/>
          </p:nvSpPr>
          <p:spPr>
            <a:xfrm>
              <a:off x="4078399" y="6364800"/>
              <a:ext cx="237600" cy="4932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31" name="Rectangle 230">
              <a:extLst>
                <a:ext uri="{FF2B5EF4-FFF2-40B4-BE49-F238E27FC236}">
                  <a16:creationId xmlns:a16="http://schemas.microsoft.com/office/drawing/2014/main" id="{8EE7BFBF-4693-4A75-8DB6-795C832079C6}"/>
                </a:ext>
              </a:extLst>
            </p:cNvPr>
            <p:cNvSpPr/>
            <p:nvPr userDrawn="1"/>
          </p:nvSpPr>
          <p:spPr>
            <a:xfrm>
              <a:off x="5032299" y="6364800"/>
              <a:ext cx="237600" cy="4932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32" name="Rectangle 231">
              <a:extLst>
                <a:ext uri="{FF2B5EF4-FFF2-40B4-BE49-F238E27FC236}">
                  <a16:creationId xmlns:a16="http://schemas.microsoft.com/office/drawing/2014/main" id="{F664E29A-064E-4AB8-9474-1C6134D1D691}"/>
                </a:ext>
              </a:extLst>
            </p:cNvPr>
            <p:cNvSpPr/>
            <p:nvPr userDrawn="1"/>
          </p:nvSpPr>
          <p:spPr>
            <a:xfrm>
              <a:off x="5986199" y="6364800"/>
              <a:ext cx="237600" cy="4932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33" name="Rectangle 232">
              <a:extLst>
                <a:ext uri="{FF2B5EF4-FFF2-40B4-BE49-F238E27FC236}">
                  <a16:creationId xmlns:a16="http://schemas.microsoft.com/office/drawing/2014/main" id="{7FB50FC0-00B1-4131-8B74-9EBFDDDD640F}"/>
                </a:ext>
              </a:extLst>
            </p:cNvPr>
            <p:cNvSpPr/>
            <p:nvPr userDrawn="1"/>
          </p:nvSpPr>
          <p:spPr>
            <a:xfrm>
              <a:off x="6940099" y="6364800"/>
              <a:ext cx="237600" cy="4932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34" name="Rectangle 233">
              <a:extLst>
                <a:ext uri="{FF2B5EF4-FFF2-40B4-BE49-F238E27FC236}">
                  <a16:creationId xmlns:a16="http://schemas.microsoft.com/office/drawing/2014/main" id="{E8D681B8-786B-4C67-B06A-8FEB495487F9}"/>
                </a:ext>
              </a:extLst>
            </p:cNvPr>
            <p:cNvSpPr/>
            <p:nvPr userDrawn="1"/>
          </p:nvSpPr>
          <p:spPr>
            <a:xfrm>
              <a:off x="7893999" y="6364800"/>
              <a:ext cx="237600" cy="4932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35" name="Rectangle 234">
              <a:extLst>
                <a:ext uri="{FF2B5EF4-FFF2-40B4-BE49-F238E27FC236}">
                  <a16:creationId xmlns:a16="http://schemas.microsoft.com/office/drawing/2014/main" id="{D2B7FCBA-DE04-4650-B668-9E1C283BE56F}"/>
                </a:ext>
              </a:extLst>
            </p:cNvPr>
            <p:cNvSpPr/>
            <p:nvPr userDrawn="1"/>
          </p:nvSpPr>
          <p:spPr>
            <a:xfrm>
              <a:off x="10755699" y="6364800"/>
              <a:ext cx="237600" cy="4932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36" name="Rectangle 235">
              <a:extLst>
                <a:ext uri="{FF2B5EF4-FFF2-40B4-BE49-F238E27FC236}">
                  <a16:creationId xmlns:a16="http://schemas.microsoft.com/office/drawing/2014/main" id="{E9BCBE8A-A0B9-4DB4-BF34-0C1C9D527805}"/>
                </a:ext>
              </a:extLst>
            </p:cNvPr>
            <p:cNvSpPr/>
            <p:nvPr userDrawn="1"/>
          </p:nvSpPr>
          <p:spPr>
            <a:xfrm>
              <a:off x="3124499" y="6364800"/>
              <a:ext cx="237600" cy="4932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37" name="Rectangle 236">
              <a:extLst>
                <a:ext uri="{FF2B5EF4-FFF2-40B4-BE49-F238E27FC236}">
                  <a16:creationId xmlns:a16="http://schemas.microsoft.com/office/drawing/2014/main" id="{F9E6DC99-3600-4A75-AF7E-0A5BC2D95CF3}"/>
                </a:ext>
              </a:extLst>
            </p:cNvPr>
            <p:cNvSpPr/>
            <p:nvPr userDrawn="1"/>
          </p:nvSpPr>
          <p:spPr>
            <a:xfrm>
              <a:off x="8847899" y="6364800"/>
              <a:ext cx="237600" cy="4932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38" name="Rectangle 237">
              <a:extLst>
                <a:ext uri="{FF2B5EF4-FFF2-40B4-BE49-F238E27FC236}">
                  <a16:creationId xmlns:a16="http://schemas.microsoft.com/office/drawing/2014/main" id="{4C27D0F8-C75B-47F2-8FA4-5927753DCC50}"/>
                </a:ext>
              </a:extLst>
            </p:cNvPr>
            <p:cNvSpPr/>
            <p:nvPr userDrawn="1"/>
          </p:nvSpPr>
          <p:spPr>
            <a:xfrm>
              <a:off x="9801799" y="6364800"/>
              <a:ext cx="237600" cy="4932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39" name="Rectangle 238">
              <a:extLst>
                <a:ext uri="{FF2B5EF4-FFF2-40B4-BE49-F238E27FC236}">
                  <a16:creationId xmlns:a16="http://schemas.microsoft.com/office/drawing/2014/main" id="{361FFD6A-C668-430C-99D0-DDA45134F0D5}"/>
                </a:ext>
              </a:extLst>
            </p:cNvPr>
            <p:cNvSpPr/>
            <p:nvPr userDrawn="1"/>
          </p:nvSpPr>
          <p:spPr>
            <a:xfrm>
              <a:off x="11691600" y="6364288"/>
              <a:ext cx="500400" cy="4932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grpSp>
      <p:pic>
        <p:nvPicPr>
          <p:cNvPr id="73" name="Picture 72">
            <a:extLst>
              <a:ext uri="{FF2B5EF4-FFF2-40B4-BE49-F238E27FC236}">
                <a16:creationId xmlns:a16="http://schemas.microsoft.com/office/drawing/2014/main" id="{1B63CF76-39C0-4B5E-8C1B-7C08C5B15AA7}"/>
              </a:ext>
            </a:extLst>
          </p:cNvPr>
          <p:cNvPicPr>
            <a:picLocks noChangeAspect="1"/>
          </p:cNvPicPr>
          <p:nvPr userDrawn="1"/>
        </p:nvPicPr>
        <p:blipFill>
          <a:blip r:embed="rId34">
            <a:extLst>
              <a:ext uri="{28A0092B-C50C-407E-A947-70E740481C1C}">
                <a14:useLocalDpi xmlns:a14="http://schemas.microsoft.com/office/drawing/2010/main" val="0"/>
              </a:ext>
            </a:extLst>
          </a:blip>
          <a:stretch>
            <a:fillRect/>
          </a:stretch>
        </p:blipFill>
        <p:spPr>
          <a:xfrm>
            <a:off x="10313965" y="5974772"/>
            <a:ext cx="1878035" cy="882715"/>
          </a:xfrm>
          <a:prstGeom prst="rect">
            <a:avLst/>
          </a:prstGeom>
        </p:spPr>
      </p:pic>
    </p:spTree>
    <p:extLst>
      <p:ext uri="{BB962C8B-B14F-4D97-AF65-F5344CB8AC3E}">
        <p14:creationId xmlns:p14="http://schemas.microsoft.com/office/powerpoint/2010/main" val="2054785057"/>
      </p:ext>
    </p:extLst>
  </p:cSld>
  <p:clrMap bg1="lt1" tx1="dk1" bg2="lt2" tx2="dk2" accent1="accent1" accent2="accent2" accent3="accent3" accent4="accent4" accent5="accent5" accent6="accent6" hlink="hlink" folHlink="folHlink"/>
  <p:sldLayoutIdLst>
    <p:sldLayoutId id="2147483673" r:id="rId1"/>
    <p:sldLayoutId id="2147483674" r:id="rId2"/>
    <p:sldLayoutId id="2147483675" r:id="rId3"/>
    <p:sldLayoutId id="2147483676" r:id="rId4"/>
    <p:sldLayoutId id="2147483677" r:id="rId5"/>
    <p:sldLayoutId id="2147483678" r:id="rId6"/>
    <p:sldLayoutId id="2147483679" r:id="rId7"/>
    <p:sldLayoutId id="2147483680" r:id="rId8"/>
    <p:sldLayoutId id="2147483681" r:id="rId9"/>
    <p:sldLayoutId id="2147483682" r:id="rId10"/>
    <p:sldLayoutId id="2147483683" r:id="rId11"/>
    <p:sldLayoutId id="2147483684" r:id="rId12"/>
    <p:sldLayoutId id="2147483685" r:id="rId13"/>
    <p:sldLayoutId id="2147483686" r:id="rId14"/>
    <p:sldLayoutId id="2147483687" r:id="rId15"/>
    <p:sldLayoutId id="2147483688" r:id="rId16"/>
    <p:sldLayoutId id="2147483689" r:id="rId17"/>
    <p:sldLayoutId id="2147483690" r:id="rId18"/>
    <p:sldLayoutId id="2147483691" r:id="rId19"/>
    <p:sldLayoutId id="2147483692" r:id="rId20"/>
    <p:sldLayoutId id="2147483693" r:id="rId21"/>
    <p:sldLayoutId id="2147483694" r:id="rId22"/>
    <p:sldLayoutId id="2147483695" r:id="rId23"/>
    <p:sldLayoutId id="2147483696" r:id="rId24"/>
    <p:sldLayoutId id="2147483697" r:id="rId25"/>
    <p:sldLayoutId id="2147483698" r:id="rId26"/>
    <p:sldLayoutId id="2147483699" r:id="rId27"/>
    <p:sldLayoutId id="2147483700" r:id="rId28"/>
    <p:sldLayoutId id="2147483701" r:id="rId29"/>
    <p:sldLayoutId id="2147483702" r:id="rId30"/>
    <p:sldLayoutId id="2147483703" r:id="rId31"/>
    <p:sldLayoutId id="2147483704" r:id="rId32"/>
  </p:sldLayoutIdLst>
  <p:hf hdr="0" dt="0"/>
  <p:txStyles>
    <p:titleStyle>
      <a:lvl1pPr algn="l" defTabSz="914400" rtl="0" eaLnBrk="1" latinLnBrk="0" hangingPunct="1">
        <a:lnSpc>
          <a:spcPct val="100000"/>
        </a:lnSpc>
        <a:spcBef>
          <a:spcPct val="0"/>
        </a:spcBef>
        <a:buNone/>
        <a:defRPr sz="3000" kern="1200">
          <a:solidFill>
            <a:schemeClr val="accent2"/>
          </a:solidFill>
          <a:latin typeface="+mj-lt"/>
          <a:ea typeface="+mj-ea"/>
          <a:cs typeface="+mj-cs"/>
        </a:defRPr>
      </a:lvl1pPr>
    </p:titleStyle>
    <p:bodyStyle>
      <a:lvl1pPr marL="180000" indent="-180000" algn="l" defTabSz="914400" rtl="0" eaLnBrk="1" latinLnBrk="0" hangingPunct="1">
        <a:lnSpc>
          <a:spcPct val="90000"/>
        </a:lnSpc>
        <a:spcBef>
          <a:spcPts val="0"/>
        </a:spcBef>
        <a:spcAft>
          <a:spcPts val="600"/>
        </a:spcAft>
        <a:buClr>
          <a:schemeClr val="accent1"/>
        </a:buClr>
        <a:buFont typeface="Arial" panose="020B0604020202020204" pitchFamily="34" charset="0"/>
        <a:buChar char="•"/>
        <a:defRPr sz="1600" kern="1200">
          <a:solidFill>
            <a:schemeClr val="tx1"/>
          </a:solidFill>
          <a:latin typeface="+mn-lt"/>
          <a:ea typeface="+mn-ea"/>
          <a:cs typeface="+mn-cs"/>
        </a:defRPr>
      </a:lvl1pPr>
      <a:lvl2pPr marL="360000" indent="-180000" algn="l" defTabSz="914400" rtl="0" eaLnBrk="1" latinLnBrk="0" hangingPunct="1">
        <a:lnSpc>
          <a:spcPct val="90000"/>
        </a:lnSpc>
        <a:spcBef>
          <a:spcPts val="300"/>
        </a:spcBef>
        <a:spcAft>
          <a:spcPts val="600"/>
        </a:spcAft>
        <a:buClr>
          <a:schemeClr val="accent1"/>
        </a:buClr>
        <a:buFont typeface="Arial" panose="020B0604020202020204" pitchFamily="34" charset="0"/>
        <a:buChar char="•"/>
        <a:defRPr sz="1250" kern="1200">
          <a:solidFill>
            <a:schemeClr val="tx1"/>
          </a:solidFill>
          <a:latin typeface="+mn-lt"/>
          <a:ea typeface="+mn-ea"/>
          <a:cs typeface="+mn-cs"/>
        </a:defRPr>
      </a:lvl2pPr>
      <a:lvl3pPr marL="540000" indent="-180000" algn="l" defTabSz="914400" rtl="0" eaLnBrk="1" latinLnBrk="0" hangingPunct="1">
        <a:lnSpc>
          <a:spcPct val="90000"/>
        </a:lnSpc>
        <a:spcBef>
          <a:spcPts val="300"/>
        </a:spcBef>
        <a:spcAft>
          <a:spcPts val="600"/>
        </a:spcAft>
        <a:buClr>
          <a:schemeClr val="accent1"/>
        </a:buClr>
        <a:buFont typeface="Arial" panose="020B0604020202020204" pitchFamily="34" charset="0"/>
        <a:buChar char="•"/>
        <a:defRPr sz="1100" kern="1200">
          <a:solidFill>
            <a:schemeClr val="tx1"/>
          </a:solidFill>
          <a:latin typeface="+mn-lt"/>
          <a:ea typeface="+mn-ea"/>
          <a:cs typeface="+mn-cs"/>
        </a:defRPr>
      </a:lvl3pPr>
      <a:lvl4pPr marL="0" indent="0" algn="l" defTabSz="914400" rtl="0" eaLnBrk="1" latinLnBrk="0" hangingPunct="1">
        <a:lnSpc>
          <a:spcPct val="90000"/>
        </a:lnSpc>
        <a:spcBef>
          <a:spcPts val="0"/>
        </a:spcBef>
        <a:spcAft>
          <a:spcPts val="600"/>
        </a:spcAft>
        <a:buFont typeface="Arial" panose="020B0604020202020204" pitchFamily="34" charset="0"/>
        <a:buChar char="​"/>
        <a:defRPr sz="1600" b="1" kern="1200">
          <a:solidFill>
            <a:schemeClr val="accent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1600" i="0" kern="1200">
          <a:solidFill>
            <a:schemeClr val="tx1"/>
          </a:solidFill>
          <a:latin typeface="+mn-lt"/>
          <a:ea typeface="+mn-ea"/>
          <a:cs typeface="+mn-cs"/>
        </a:defRPr>
      </a:lvl5pPr>
      <a:lvl6pPr marL="0" indent="0" algn="l" defTabSz="914400" rtl="0" eaLnBrk="1" latinLnBrk="0" hangingPunct="1">
        <a:lnSpc>
          <a:spcPct val="90000"/>
        </a:lnSpc>
        <a:spcBef>
          <a:spcPts val="0"/>
        </a:spcBef>
        <a:spcAft>
          <a:spcPts val="600"/>
        </a:spcAft>
        <a:buClr>
          <a:schemeClr val="accent1"/>
        </a:buClr>
        <a:buFont typeface="Arial" panose="020B0604020202020204" pitchFamily="34" charset="0"/>
        <a:buChar char="​"/>
        <a:defRPr sz="2350" i="1" kern="1200">
          <a:solidFill>
            <a:schemeClr val="tx1"/>
          </a:solidFill>
          <a:latin typeface="Maersk Headline Office" panose="00000500000000000000" pitchFamily="2" charset="0"/>
          <a:ea typeface="+mn-ea"/>
          <a:cs typeface="+mn-cs"/>
        </a:defRPr>
      </a:lvl6pPr>
      <a:lvl7pPr marL="0" indent="0" algn="l" defTabSz="914400" rtl="0" eaLnBrk="1" latinLnBrk="0" hangingPunct="1">
        <a:lnSpc>
          <a:spcPct val="90000"/>
        </a:lnSpc>
        <a:spcBef>
          <a:spcPts val="0"/>
        </a:spcBef>
        <a:spcAft>
          <a:spcPts val="600"/>
        </a:spcAft>
        <a:buFont typeface="Arial" panose="020B0604020202020204" pitchFamily="34" charset="0"/>
        <a:buChar char="​"/>
        <a:defRPr sz="600" b="0" kern="1200" baseline="0">
          <a:solidFill>
            <a:schemeClr val="tx2"/>
          </a:solidFill>
          <a:latin typeface="+mn-lt"/>
          <a:ea typeface="+mn-ea"/>
          <a:cs typeface="+mn-cs"/>
        </a:defRPr>
      </a:lvl7pPr>
      <a:lvl8pPr marL="0" indent="0" algn="l" defTabSz="914400" rtl="0" eaLnBrk="1" latinLnBrk="0" hangingPunct="1">
        <a:lnSpc>
          <a:spcPct val="90000"/>
        </a:lnSpc>
        <a:spcBef>
          <a:spcPts val="0"/>
        </a:spcBef>
        <a:spcAft>
          <a:spcPts val="600"/>
        </a:spcAft>
        <a:buFont typeface="Arial" panose="020B0604020202020204" pitchFamily="34" charset="0"/>
        <a:buChar char="​"/>
        <a:defRPr sz="500" b="0" kern="1200">
          <a:solidFill>
            <a:schemeClr val="tx2"/>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6000" kern="1200" baseline="0">
          <a:solidFill>
            <a:schemeClr val="accent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315">
          <p15:clr>
            <a:srgbClr val="F26B43"/>
          </p15:clr>
        </p15:guide>
        <p15:guide id="4" orient="horz" pos="315">
          <p15:clr>
            <a:srgbClr val="F26B43"/>
          </p15:clr>
        </p15:guide>
        <p15:guide id="5" pos="766">
          <p15:clr>
            <a:srgbClr val="F26B43"/>
          </p15:clr>
        </p15:guide>
        <p15:guide id="6" pos="916">
          <p15:clr>
            <a:srgbClr val="F26B43"/>
          </p15:clr>
        </p15:guide>
        <p15:guide id="7" pos="1367">
          <p15:clr>
            <a:srgbClr val="F26B43"/>
          </p15:clr>
        </p15:guide>
        <p15:guide id="8" pos="1516">
          <p15:clr>
            <a:srgbClr val="F26B43"/>
          </p15:clr>
        </p15:guide>
        <p15:guide id="9" pos="2569">
          <p15:clr>
            <a:srgbClr val="F26B43"/>
          </p15:clr>
        </p15:guide>
        <p15:guide id="10" pos="2718">
          <p15:clr>
            <a:srgbClr val="F26B43"/>
          </p15:clr>
        </p15:guide>
        <p15:guide id="11" pos="3169">
          <p15:clr>
            <a:srgbClr val="F26B43"/>
          </p15:clr>
        </p15:guide>
        <p15:guide id="12" pos="3319">
          <p15:clr>
            <a:srgbClr val="F26B43"/>
          </p15:clr>
        </p15:guide>
        <p15:guide id="13" pos="3770">
          <p15:clr>
            <a:srgbClr val="F26B43"/>
          </p15:clr>
        </p15:guide>
        <p15:guide id="14" pos="3920">
          <p15:clr>
            <a:srgbClr val="F26B43"/>
          </p15:clr>
        </p15:guide>
        <p15:guide id="15" pos="4371">
          <p15:clr>
            <a:srgbClr val="F26B43"/>
          </p15:clr>
        </p15:guide>
        <p15:guide id="16" pos="4521">
          <p15:clr>
            <a:srgbClr val="F26B43"/>
          </p15:clr>
        </p15:guide>
        <p15:guide id="17" pos="4972">
          <p15:clr>
            <a:srgbClr val="F26B43"/>
          </p15:clr>
        </p15:guide>
        <p15:guide id="18" pos="5122">
          <p15:clr>
            <a:srgbClr val="F26B43"/>
          </p15:clr>
        </p15:guide>
        <p15:guide id="19" pos="6775">
          <p15:clr>
            <a:srgbClr val="F26B43"/>
          </p15:clr>
        </p15:guide>
        <p15:guide id="20" pos="6924">
          <p15:clr>
            <a:srgbClr val="F26B43"/>
          </p15:clr>
        </p15:guide>
        <p15:guide id="21" pos="1968">
          <p15:clr>
            <a:srgbClr val="F26B43"/>
          </p15:clr>
        </p15:guide>
        <p15:guide id="22" pos="2117">
          <p15:clr>
            <a:srgbClr val="F26B43"/>
          </p15:clr>
        </p15:guide>
        <p15:guide id="23" pos="5573">
          <p15:clr>
            <a:srgbClr val="F26B43"/>
          </p15:clr>
        </p15:guide>
        <p15:guide id="24" pos="5723">
          <p15:clr>
            <a:srgbClr val="F26B43"/>
          </p15:clr>
        </p15:guide>
        <p15:guide id="25" pos="6174">
          <p15:clr>
            <a:srgbClr val="F26B43"/>
          </p15:clr>
        </p15:guide>
        <p15:guide id="26" pos="6324">
          <p15:clr>
            <a:srgbClr val="F26B43"/>
          </p15:clr>
        </p15:guide>
        <p15:guide id="27" pos="7364">
          <p15:clr>
            <a:srgbClr val="F26B43"/>
          </p15:clr>
        </p15:guide>
        <p15:guide id="28" orient="horz" pos="771">
          <p15:clr>
            <a:srgbClr val="F26B43"/>
          </p15:clr>
        </p15:guide>
        <p15:guide id="29" orient="horz" pos="1390">
          <p15:clr>
            <a:srgbClr val="F26B43"/>
          </p15:clr>
        </p15:guide>
        <p15:guide id="30" orient="horz" pos="1543">
          <p15:clr>
            <a:srgbClr val="F26B43"/>
          </p15:clr>
        </p15:guide>
        <p15:guide id="31" orient="horz" pos="2772">
          <p15:clr>
            <a:srgbClr val="F26B43"/>
          </p15:clr>
        </p15:guide>
        <p15:guide id="32" orient="horz" pos="2932">
          <p15:clr>
            <a:srgbClr val="F26B43"/>
          </p15:clr>
        </p15:guide>
        <p15:guide id="33" orient="horz" pos="3551">
          <p15:clr>
            <a:srgbClr val="F26B43"/>
          </p15:clr>
        </p15:guide>
        <p15:guide id="34" orient="horz" pos="4009">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comments" Target="../comments/comment1.xml"/><Relationship Id="rId2" Type="http://schemas.openxmlformats.org/officeDocument/2006/relationships/notesSlide" Target="../notesSlides/notesSlide1.xml"/><Relationship Id="rId1" Type="http://schemas.openxmlformats.org/officeDocument/2006/relationships/slideLayout" Target="../slideLayouts/slideLayout11.xml"/></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29.xml"/><Relationship Id="rId1" Type="http://schemas.openxmlformats.org/officeDocument/2006/relationships/tags" Target="../tags/tag9.xml"/><Relationship Id="rId5" Type="http://schemas.openxmlformats.org/officeDocument/2006/relationships/image" Target="../media/image4.png"/><Relationship Id="rId4" Type="http://schemas.openxmlformats.org/officeDocument/2006/relationships/image" Target="../media/image15.pn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29.xml"/><Relationship Id="rId1" Type="http://schemas.openxmlformats.org/officeDocument/2006/relationships/tags" Target="../tags/tag10.xml"/><Relationship Id="rId4" Type="http://schemas.openxmlformats.org/officeDocument/2006/relationships/image" Target="../media/image4.png"/></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29.xml"/><Relationship Id="rId1" Type="http://schemas.openxmlformats.org/officeDocument/2006/relationships/tags" Target="../tags/tag11.xml"/><Relationship Id="rId4" Type="http://schemas.openxmlformats.org/officeDocument/2006/relationships/image" Target="../media/image4.png"/></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29.xml"/><Relationship Id="rId1" Type="http://schemas.openxmlformats.org/officeDocument/2006/relationships/tags" Target="../tags/tag12.xml"/><Relationship Id="rId4" Type="http://schemas.openxmlformats.org/officeDocument/2006/relationships/image" Target="../media/image4.png"/></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29.xml"/><Relationship Id="rId1" Type="http://schemas.openxmlformats.org/officeDocument/2006/relationships/tags" Target="../tags/tag13.xml"/><Relationship Id="rId4" Type="http://schemas.openxmlformats.org/officeDocument/2006/relationships/image" Target="../media/image4.png"/></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29.xml"/><Relationship Id="rId1" Type="http://schemas.openxmlformats.org/officeDocument/2006/relationships/tags" Target="../tags/tag14.xml"/><Relationship Id="rId4" Type="http://schemas.openxmlformats.org/officeDocument/2006/relationships/image" Target="../media/image4.png"/></Relationships>
</file>

<file path=ppt/slides/_rels/slide1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Layout" Target="../slideLayouts/slideLayout16.xml"/><Relationship Id="rId1" Type="http://schemas.openxmlformats.org/officeDocument/2006/relationships/tags" Target="../tags/tag15.xml"/></Relationships>
</file>

<file path=ppt/slides/_rels/slide17.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image" Target="../media/image17.svg"/><Relationship Id="rId7" Type="http://schemas.openxmlformats.org/officeDocument/2006/relationships/image" Target="../media/image21.svg"/><Relationship Id="rId2" Type="http://schemas.openxmlformats.org/officeDocument/2006/relationships/image" Target="../media/image16.png"/><Relationship Id="rId1" Type="http://schemas.openxmlformats.org/officeDocument/2006/relationships/slideLayout" Target="../slideLayouts/slideLayout6.xml"/><Relationship Id="rId6" Type="http://schemas.openxmlformats.org/officeDocument/2006/relationships/image" Target="../media/image20.png"/><Relationship Id="rId5" Type="http://schemas.openxmlformats.org/officeDocument/2006/relationships/image" Target="../media/image19.svg"/><Relationship Id="rId4" Type="http://schemas.openxmlformats.org/officeDocument/2006/relationships/image" Target="../media/image18.png"/><Relationship Id="rId9" Type="http://schemas.openxmlformats.org/officeDocument/2006/relationships/image" Target="../media/image23.svg"/></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29.xml"/><Relationship Id="rId1" Type="http://schemas.openxmlformats.org/officeDocument/2006/relationships/tags" Target="../tags/tag16.xml"/><Relationship Id="rId6" Type="http://schemas.openxmlformats.org/officeDocument/2006/relationships/image" Target="../media/image25.png"/><Relationship Id="rId5" Type="http://schemas.openxmlformats.org/officeDocument/2006/relationships/image" Target="../media/image24.png"/><Relationship Id="rId4" Type="http://schemas.openxmlformats.org/officeDocument/2006/relationships/image" Target="../media/image4.png"/></Relationships>
</file>

<file path=ppt/slides/_rels/slide1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Layout" Target="../slideLayouts/slideLayout29.xml"/><Relationship Id="rId1" Type="http://schemas.openxmlformats.org/officeDocument/2006/relationships/tags" Target="../tags/tag17.xml"/></Relationships>
</file>

<file path=ppt/slides/_rels/slide2.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slideLayout" Target="../slideLayouts/slideLayout1.xml"/><Relationship Id="rId1" Type="http://schemas.openxmlformats.org/officeDocument/2006/relationships/tags" Target="../tags/tag1.xml"/><Relationship Id="rId4" Type="http://schemas.openxmlformats.org/officeDocument/2006/relationships/image" Target="../media/image4.png"/></Relationships>
</file>

<file path=ppt/slides/_rels/slide2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Layout" Target="../slideLayouts/slideLayout16.xml"/><Relationship Id="rId1" Type="http://schemas.openxmlformats.org/officeDocument/2006/relationships/tags" Target="../tags/tag18.xml"/></Relationships>
</file>

<file path=ppt/slides/_rels/slide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Layout" Target="../slideLayouts/slideLayout16.xml"/><Relationship Id="rId1" Type="http://schemas.openxmlformats.org/officeDocument/2006/relationships/tags" Target="../tags/tag2.xml"/></Relationships>
</file>

<file path=ppt/slides/_rels/slide4.xml.rels><?xml version="1.0" encoding="UTF-8" standalone="yes"?>
<Relationships xmlns="http://schemas.openxmlformats.org/package/2006/relationships"><Relationship Id="rId3" Type="http://schemas.openxmlformats.org/officeDocument/2006/relationships/image" Target="../media/image5.png"/><Relationship Id="rId7" Type="http://schemas.openxmlformats.org/officeDocument/2006/relationships/image" Target="../media/image4.png"/><Relationship Id="rId2" Type="http://schemas.openxmlformats.org/officeDocument/2006/relationships/slideLayout" Target="../slideLayouts/slideLayout29.xml"/><Relationship Id="rId1" Type="http://schemas.openxmlformats.org/officeDocument/2006/relationships/tags" Target="../tags/tag3.xml"/><Relationship Id="rId6" Type="http://schemas.openxmlformats.org/officeDocument/2006/relationships/image" Target="../media/image8.jpeg"/><Relationship Id="rId5" Type="http://schemas.openxmlformats.org/officeDocument/2006/relationships/image" Target="../media/image7.jpeg"/><Relationship Id="rId4" Type="http://schemas.openxmlformats.org/officeDocument/2006/relationships/image" Target="../media/image6.jpeg"/></Relationships>
</file>

<file path=ppt/slides/_rels/slide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Layout" Target="../slideLayouts/slideLayout29.xml"/><Relationship Id="rId1" Type="http://schemas.openxmlformats.org/officeDocument/2006/relationships/tags" Target="../tags/tag4.xml"/></Relationships>
</file>

<file path=ppt/slides/_rels/slide6.xml.rels><?xml version="1.0" encoding="UTF-8" standalone="yes"?>
<Relationships xmlns="http://schemas.openxmlformats.org/package/2006/relationships"><Relationship Id="rId8" Type="http://schemas.microsoft.com/office/2007/relationships/hdphoto" Target="../media/hdphoto3.wdp"/><Relationship Id="rId3" Type="http://schemas.openxmlformats.org/officeDocument/2006/relationships/image" Target="../media/image9.png"/><Relationship Id="rId7" Type="http://schemas.openxmlformats.org/officeDocument/2006/relationships/image" Target="../media/image11.png"/><Relationship Id="rId12" Type="http://schemas.openxmlformats.org/officeDocument/2006/relationships/image" Target="../media/image4.png"/><Relationship Id="rId2" Type="http://schemas.openxmlformats.org/officeDocument/2006/relationships/slideLayout" Target="../slideLayouts/slideLayout29.xml"/><Relationship Id="rId1" Type="http://schemas.openxmlformats.org/officeDocument/2006/relationships/tags" Target="../tags/tag5.xml"/><Relationship Id="rId6" Type="http://schemas.microsoft.com/office/2007/relationships/hdphoto" Target="../media/hdphoto2.wdp"/><Relationship Id="rId11" Type="http://schemas.microsoft.com/office/2007/relationships/hdphoto" Target="../media/hdphoto4.wdp"/><Relationship Id="rId5" Type="http://schemas.openxmlformats.org/officeDocument/2006/relationships/image" Target="../media/image10.png"/><Relationship Id="rId10" Type="http://schemas.openxmlformats.org/officeDocument/2006/relationships/image" Target="../media/image12.png"/><Relationship Id="rId4" Type="http://schemas.microsoft.com/office/2007/relationships/hdphoto" Target="../media/hdphoto1.wdp"/><Relationship Id="rId9" Type="http://schemas.openxmlformats.org/officeDocument/2006/relationships/image" Target="../media/image1.png"/></Relationships>
</file>

<file path=ppt/slides/_rels/slide7.xml.rels><?xml version="1.0" encoding="UTF-8" standalone="yes"?>
<Relationships xmlns="http://schemas.openxmlformats.org/package/2006/relationships"><Relationship Id="rId3" Type="http://schemas.openxmlformats.org/officeDocument/2006/relationships/image" Target="../media/image13.png"/><Relationship Id="rId7" Type="http://schemas.openxmlformats.org/officeDocument/2006/relationships/image" Target="../media/image4.png"/><Relationship Id="rId2" Type="http://schemas.openxmlformats.org/officeDocument/2006/relationships/slideLayout" Target="../slideLayouts/slideLayout22.xml"/><Relationship Id="rId1" Type="http://schemas.openxmlformats.org/officeDocument/2006/relationships/tags" Target="../tags/tag6.xml"/><Relationship Id="rId6" Type="http://schemas.microsoft.com/office/2007/relationships/hdphoto" Target="../media/hdphoto6.wdp"/><Relationship Id="rId5" Type="http://schemas.openxmlformats.org/officeDocument/2006/relationships/image" Target="../media/image14.png"/><Relationship Id="rId4" Type="http://schemas.microsoft.com/office/2007/relationships/hdphoto" Target="../media/hdphoto5.wdp"/></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9.xml"/><Relationship Id="rId1" Type="http://schemas.openxmlformats.org/officeDocument/2006/relationships/tags" Target="../tags/tag7.xml"/><Relationship Id="rId4" Type="http://schemas.openxmlformats.org/officeDocument/2006/relationships/image" Target="../media/image4.png"/></Relationships>
</file>

<file path=ppt/slides/_rels/slide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Layout" Target="../slideLayouts/slideLayout16.xml"/><Relationship Id="rId1" Type="http://schemas.openxmlformats.org/officeDocument/2006/relationships/tags" Target="../tags/tag8.xml"/></Relationships>
</file>

<file path=ppt/slides/slide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628CEB3A-C8A1-204A-B27A-3D1A1FF7CEEF}"/>
              </a:ext>
            </a:extLst>
          </p:cNvPr>
          <p:cNvSpPr>
            <a:spLocks noGrp="1"/>
          </p:cNvSpPr>
          <p:nvPr>
            <p:ph type="title"/>
          </p:nvPr>
        </p:nvSpPr>
        <p:spPr/>
        <p:txBody>
          <a:bodyPr/>
          <a:lstStyle/>
          <a:p>
            <a:r>
              <a:rPr lang="en-GB"/>
              <a:t>The task is to make a presentation (15 min), in which students are required to demonstrate the following:</a:t>
            </a:r>
            <a:endParaRPr lang="en-DK"/>
          </a:p>
        </p:txBody>
      </p:sp>
      <p:sp>
        <p:nvSpPr>
          <p:cNvPr id="12" name="Text Placeholder 11">
            <a:extLst>
              <a:ext uri="{FF2B5EF4-FFF2-40B4-BE49-F238E27FC236}">
                <a16:creationId xmlns:a16="http://schemas.microsoft.com/office/drawing/2014/main" id="{A9A65E9A-B262-3A48-8257-5AF81CCB2EFF}"/>
              </a:ext>
            </a:extLst>
          </p:cNvPr>
          <p:cNvSpPr>
            <a:spLocks noGrp="1"/>
          </p:cNvSpPr>
          <p:nvPr>
            <p:ph type="body" sz="quarter" idx="20"/>
          </p:nvPr>
        </p:nvSpPr>
        <p:spPr>
          <a:xfrm>
            <a:off x="500064" y="1810297"/>
            <a:ext cx="11188800" cy="4069997"/>
          </a:xfrm>
        </p:spPr>
        <p:txBody>
          <a:bodyPr/>
          <a:lstStyle/>
          <a:p>
            <a:pPr marL="457200" indent="-457200">
              <a:buFontTx/>
              <a:buChar char="-"/>
            </a:pPr>
            <a:r>
              <a:rPr lang="en-GB" sz="1600"/>
              <a:t>Briefly introduce the background of this company, e.g., its competitive situation, innovation challenge, and future strategy, etc.</a:t>
            </a:r>
            <a:endParaRPr lang="da-DK" sz="1600" b="1">
              <a:solidFill>
                <a:srgbClr val="00243D"/>
              </a:solidFill>
              <a:latin typeface="Maersk Text Office"/>
            </a:endParaRPr>
          </a:p>
          <a:p>
            <a:pPr marL="457200" indent="-457200">
              <a:buFontTx/>
              <a:buChar char="-"/>
            </a:pPr>
            <a:r>
              <a:rPr lang="en-GB" sz="1600"/>
              <a:t>Very briefly clarify the innovation tool(s) (its concept and application in general) that you chose as relevant for the case company. Do it very briefly, because we have learned all the tools during the previous 2 presentation sessions.  </a:t>
            </a:r>
          </a:p>
          <a:p>
            <a:pPr marL="457200" indent="-457200">
              <a:buFontTx/>
              <a:buChar char="-"/>
            </a:pPr>
            <a:r>
              <a:rPr lang="en-GB" sz="1600"/>
              <a:t>Explain how the innovation tool(s) is/are relevant to this company.</a:t>
            </a:r>
          </a:p>
          <a:p>
            <a:pPr marL="457200" indent="-457200">
              <a:buFontTx/>
              <a:buChar char="-"/>
            </a:pPr>
            <a:r>
              <a:rPr lang="en-GB" sz="1600"/>
              <a:t>Extensively discuss the actual application of (or potential opportunity to apply) the tool(s) to the case company and to what extent change can be expected. If in practice it is not possible to actually apply a tool to the case company (see other forms of “relevance” defined), then you must deliberate on, for instance, </a:t>
            </a:r>
            <a:r>
              <a:rPr lang="en-GB" sz="1600" b="1"/>
              <a:t>how the company is currently practicing, based on which type of innovation tools/process/frameworks</a:t>
            </a:r>
            <a:r>
              <a:rPr lang="en-GB" sz="1600"/>
              <a:t>, and why and how the relevant tools you learned from the course can benefit the company and </a:t>
            </a:r>
            <a:r>
              <a:rPr lang="en-GB" sz="1600" b="1"/>
              <a:t>what</a:t>
            </a:r>
            <a:r>
              <a:rPr lang="en-GB" sz="1600"/>
              <a:t> </a:t>
            </a:r>
            <a:r>
              <a:rPr lang="en-GB" sz="1600" b="1"/>
              <a:t>have you learned from investigating the company. </a:t>
            </a:r>
          </a:p>
          <a:p>
            <a:pPr marL="457200" indent="-457200">
              <a:buFontTx/>
              <a:buChar char="-"/>
            </a:pPr>
            <a:r>
              <a:rPr lang="en-GB" sz="1600"/>
              <a:t>Reflect on relevant theoretical aspects behind the application of the tool(s) to the company in a specific context. For instance, if you choose a tool that aims at reducing risks, you should discuss a bit on risk reduction; if you chose a tool that aims at combining customer needs to product functions, you need to discuss a bit about the importance and challenges to combine market and technology, etc. </a:t>
            </a:r>
            <a:endParaRPr lang="en-DK" sz="1600"/>
          </a:p>
        </p:txBody>
      </p:sp>
      <p:sp>
        <p:nvSpPr>
          <p:cNvPr id="4" name="Slide Number Placeholder 3">
            <a:extLst>
              <a:ext uri="{FF2B5EF4-FFF2-40B4-BE49-F238E27FC236}">
                <a16:creationId xmlns:a16="http://schemas.microsoft.com/office/drawing/2014/main" id="{549D8BBE-EBFD-3F4E-B050-70C02EF475E2}"/>
              </a:ext>
            </a:extLst>
          </p:cNvPr>
          <p:cNvSpPr>
            <a:spLocks noGrp="1"/>
          </p:cNvSpPr>
          <p:nvPr>
            <p:ph type="sldNum" sz="quarter" idx="17"/>
          </p:nvPr>
        </p:nvSpPr>
        <p:spPr/>
        <p:txBody>
          <a:bodyPr/>
          <a:lstStyle/>
          <a:p>
            <a:r>
              <a:rPr lang="en-GB"/>
              <a:t>.</a:t>
            </a:r>
          </a:p>
        </p:txBody>
      </p:sp>
      <p:sp>
        <p:nvSpPr>
          <p:cNvPr id="3" name="Footer Placeholder 2">
            <a:extLst>
              <a:ext uri="{FF2B5EF4-FFF2-40B4-BE49-F238E27FC236}">
                <a16:creationId xmlns:a16="http://schemas.microsoft.com/office/drawing/2014/main" id="{29CD1ED4-E0BD-C141-A299-E465835C0272}"/>
              </a:ext>
            </a:extLst>
          </p:cNvPr>
          <p:cNvSpPr>
            <a:spLocks noGrp="1"/>
          </p:cNvSpPr>
          <p:nvPr>
            <p:ph type="ftr" sz="quarter" idx="4294967295"/>
          </p:nvPr>
        </p:nvSpPr>
        <p:spPr>
          <a:xfrm>
            <a:off x="0" y="6858000"/>
            <a:ext cx="0" cy="0"/>
          </a:xfrm>
        </p:spPr>
        <p:txBody>
          <a:bodyPr/>
          <a:lstStyle/>
          <a:p>
            <a:r>
              <a:rPr lang="en-GB"/>
              <a:t>A.P. Moller - Maersk</a:t>
            </a:r>
          </a:p>
        </p:txBody>
      </p:sp>
    </p:spTree>
    <p:extLst>
      <p:ext uri="{BB962C8B-B14F-4D97-AF65-F5344CB8AC3E}">
        <p14:creationId xmlns:p14="http://schemas.microsoft.com/office/powerpoint/2010/main" val="189634888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39BED3E2-94CD-8447-86A3-BF4F40515450}"/>
              </a:ext>
            </a:extLst>
          </p:cNvPr>
          <p:cNvPicPr>
            <a:picLocks noChangeAspect="1"/>
          </p:cNvPicPr>
          <p:nvPr/>
        </p:nvPicPr>
        <p:blipFill>
          <a:blip r:embed="rId4"/>
          <a:stretch>
            <a:fillRect/>
          </a:stretch>
        </p:blipFill>
        <p:spPr>
          <a:xfrm>
            <a:off x="6812601" y="1525588"/>
            <a:ext cx="4896999" cy="3418541"/>
          </a:xfrm>
          <a:prstGeom prst="rect">
            <a:avLst/>
          </a:prstGeom>
        </p:spPr>
      </p:pic>
      <p:sp>
        <p:nvSpPr>
          <p:cNvPr id="2" name="Slide Number Placeholder 1">
            <a:extLst>
              <a:ext uri="{FF2B5EF4-FFF2-40B4-BE49-F238E27FC236}">
                <a16:creationId xmlns:a16="http://schemas.microsoft.com/office/drawing/2014/main" id="{8DE298EE-0638-410D-8EE9-15CF00298CCA}"/>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A204BC-C5BA-4EF4-ABC8-D45123A0C528}" type="slidenum">
              <a:rPr kumimoji="0" lang="en-GB" sz="1000" b="0" i="0" u="none" strike="noStrike" kern="1200" cap="none" spc="0" normalizeH="0" baseline="0" noProof="0" smtClean="0">
                <a:ln>
                  <a:noFill/>
                </a:ln>
                <a:solidFill>
                  <a:prstClr val="black"/>
                </a:solidFill>
                <a:effectLst/>
                <a:uLnTx/>
                <a:uFillTx/>
                <a:latin typeface="Maersk Text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0</a:t>
            </a:fld>
            <a:endParaRPr kumimoji="0" lang="en-GB" sz="1000" b="0" i="0" u="none" strike="noStrike" kern="1200" cap="none" spc="0" normalizeH="0" baseline="0" noProof="0">
              <a:ln>
                <a:noFill/>
              </a:ln>
              <a:solidFill>
                <a:prstClr val="black"/>
              </a:solidFill>
              <a:effectLst/>
              <a:uLnTx/>
              <a:uFillTx/>
              <a:latin typeface="Maersk Text Office"/>
              <a:ea typeface="+mn-ea"/>
              <a:cs typeface="+mn-cs"/>
            </a:endParaRPr>
          </a:p>
        </p:txBody>
      </p:sp>
      <p:sp>
        <p:nvSpPr>
          <p:cNvPr id="3" name="Title 2">
            <a:extLst>
              <a:ext uri="{FF2B5EF4-FFF2-40B4-BE49-F238E27FC236}">
                <a16:creationId xmlns:a16="http://schemas.microsoft.com/office/drawing/2014/main" id="{86F37277-9C42-4BD1-927E-7F1962FB1120}"/>
              </a:ext>
            </a:extLst>
          </p:cNvPr>
          <p:cNvSpPr>
            <a:spLocks noGrp="1"/>
          </p:cNvSpPr>
          <p:nvPr>
            <p:ph type="title"/>
          </p:nvPr>
        </p:nvSpPr>
        <p:spPr/>
        <p:txBody>
          <a:bodyPr/>
          <a:lstStyle/>
          <a:p>
            <a:r>
              <a:rPr lang="en-US"/>
              <a:t>Friendly Reminder of the Fishbone diagram</a:t>
            </a:r>
            <a:endParaRPr lang="da-DK"/>
          </a:p>
        </p:txBody>
      </p:sp>
      <p:sp>
        <p:nvSpPr>
          <p:cNvPr id="6" name="Title 5">
            <a:extLst>
              <a:ext uri="{FF2B5EF4-FFF2-40B4-BE49-F238E27FC236}">
                <a16:creationId xmlns:a16="http://schemas.microsoft.com/office/drawing/2014/main" id="{2D81EBA2-E79D-4E73-80D8-CA877DCF40C7}"/>
              </a:ext>
            </a:extLst>
          </p:cNvPr>
          <p:cNvSpPr txBox="1">
            <a:spLocks/>
          </p:cNvSpPr>
          <p:nvPr/>
        </p:nvSpPr>
        <p:spPr>
          <a:xfrm>
            <a:off x="500063" y="1525588"/>
            <a:ext cx="5859173" cy="3872322"/>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3000" kern="1200">
                <a:solidFill>
                  <a:schemeClr val="bg2"/>
                </a:solidFill>
                <a:latin typeface="+mj-lt"/>
                <a:ea typeface="+mj-ea"/>
                <a:cs typeface="+mj-cs"/>
              </a:defRPr>
            </a:lvl1pPr>
          </a:lstStyle>
          <a:p>
            <a:r>
              <a:rPr lang="en-GB" sz="2400" b="1" u="sng"/>
              <a:t>When to use a fishbone diagram</a:t>
            </a:r>
          </a:p>
          <a:p>
            <a:r>
              <a:rPr lang="en-GB" sz="2400" b="1"/>
              <a:t>A few reasons a team might want to consider using a fishbone diagram are:</a:t>
            </a:r>
          </a:p>
          <a:p>
            <a:pPr marL="342900" indent="-342900">
              <a:buFont typeface="Arial" panose="020B0604020202020204" pitchFamily="34" charset="0"/>
              <a:buChar char="•"/>
            </a:pPr>
            <a:r>
              <a:rPr lang="en-GB" sz="2400" b="1"/>
              <a:t>To identify the possible causes of a problem.</a:t>
            </a:r>
          </a:p>
          <a:p>
            <a:pPr marL="342900" indent="-342900">
              <a:buFont typeface="Arial" panose="020B0604020202020204" pitchFamily="34" charset="0"/>
              <a:buChar char="•"/>
            </a:pPr>
            <a:r>
              <a:rPr lang="en-GB" sz="2400" b="1"/>
              <a:t>To reveal bottleneck or areas of weakness in a business process.</a:t>
            </a:r>
          </a:p>
          <a:p>
            <a:pPr marL="342900" indent="-342900">
              <a:buFont typeface="Arial" panose="020B0604020202020204" pitchFamily="34" charset="0"/>
              <a:buChar char="•"/>
            </a:pPr>
            <a:r>
              <a:rPr lang="en-GB" sz="2400" b="1"/>
              <a:t>To ensure that any corrective actions put into place will resolve the issue.</a:t>
            </a:r>
          </a:p>
          <a:p>
            <a:endParaRPr lang="en-GB" sz="2400" b="1"/>
          </a:p>
          <a:p>
            <a:pPr marL="0" marR="0" lvl="0" indent="0" algn="l" defTabSz="914400" rtl="0" eaLnBrk="1" fontAlgn="auto" latinLnBrk="0" hangingPunct="1">
              <a:lnSpc>
                <a:spcPct val="100000"/>
              </a:lnSpc>
              <a:spcBef>
                <a:spcPct val="0"/>
              </a:spcBef>
              <a:spcAft>
                <a:spcPts val="0"/>
              </a:spcAft>
              <a:buClrTx/>
              <a:buSzTx/>
              <a:buFontTx/>
              <a:buNone/>
              <a:tabLst/>
              <a:defRPr/>
            </a:pPr>
            <a:endParaRPr lang="en-US" sz="3200" b="1">
              <a:solidFill>
                <a:srgbClr val="00243D"/>
              </a:solidFill>
              <a:latin typeface="Maersk Text Office"/>
            </a:endParaRPr>
          </a:p>
        </p:txBody>
      </p:sp>
      <p:pic>
        <p:nvPicPr>
          <p:cNvPr id="7" name="Picture 6" descr="A picture containing logo&#10;&#10;Description automatically generated">
            <a:extLst>
              <a:ext uri="{FF2B5EF4-FFF2-40B4-BE49-F238E27FC236}">
                <a16:creationId xmlns:a16="http://schemas.microsoft.com/office/drawing/2014/main" id="{FA0E68C2-5375-864A-8051-A99B4AEBA7D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109833" y="179654"/>
            <a:ext cx="896977" cy="896977"/>
          </a:xfrm>
          <a:prstGeom prst="rect">
            <a:avLst/>
          </a:prstGeom>
        </p:spPr>
      </p:pic>
    </p:spTree>
    <p:custDataLst>
      <p:tags r:id="rId1"/>
    </p:custDataLst>
    <p:extLst>
      <p:ext uri="{BB962C8B-B14F-4D97-AF65-F5344CB8AC3E}">
        <p14:creationId xmlns:p14="http://schemas.microsoft.com/office/powerpoint/2010/main" val="73560802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 name="TextBox 39">
            <a:extLst>
              <a:ext uri="{FF2B5EF4-FFF2-40B4-BE49-F238E27FC236}">
                <a16:creationId xmlns:a16="http://schemas.microsoft.com/office/drawing/2014/main" id="{89C48FD2-A358-0542-A225-E21F6D2B56F2}"/>
              </a:ext>
            </a:extLst>
          </p:cNvPr>
          <p:cNvSpPr txBox="1"/>
          <p:nvPr/>
        </p:nvSpPr>
        <p:spPr>
          <a:xfrm>
            <a:off x="5069259" y="1713636"/>
            <a:ext cx="1636122" cy="261610"/>
          </a:xfrm>
          <a:prstGeom prst="rect">
            <a:avLst/>
          </a:prstGeom>
          <a:noFill/>
        </p:spPr>
        <p:txBody>
          <a:bodyPr wrap="square" rtlCol="0">
            <a:spAutoFit/>
          </a:bodyPr>
          <a:lstStyle/>
          <a:p>
            <a:r>
              <a:rPr lang="en-GB" sz="1100"/>
              <a:t>Poor management</a:t>
            </a:r>
          </a:p>
        </p:txBody>
      </p:sp>
      <p:sp>
        <p:nvSpPr>
          <p:cNvPr id="83" name="TextBox 82">
            <a:extLst>
              <a:ext uri="{FF2B5EF4-FFF2-40B4-BE49-F238E27FC236}">
                <a16:creationId xmlns:a16="http://schemas.microsoft.com/office/drawing/2014/main" id="{023B9FEA-6311-9440-88D8-1F73D231FA34}"/>
              </a:ext>
            </a:extLst>
          </p:cNvPr>
          <p:cNvSpPr txBox="1"/>
          <p:nvPr/>
        </p:nvSpPr>
        <p:spPr>
          <a:xfrm>
            <a:off x="5071304" y="1979714"/>
            <a:ext cx="1959356" cy="830997"/>
          </a:xfrm>
          <a:prstGeom prst="rect">
            <a:avLst/>
          </a:prstGeom>
          <a:noFill/>
        </p:spPr>
        <p:txBody>
          <a:bodyPr wrap="square" lIns="91440" tIns="45720" rIns="91440" bIns="45720" rtlCol="0" anchor="t">
            <a:spAutoFit/>
          </a:bodyPr>
          <a:lstStyle/>
          <a:p>
            <a:pPr marL="171450" indent="-171450">
              <a:buFont typeface="Arial" panose="020B0604020202020204" pitchFamily="34" charset="0"/>
              <a:buChar char="•"/>
            </a:pPr>
            <a:r>
              <a:rPr lang="en-GB" sz="800" i="1"/>
              <a:t>Bad prioritising </a:t>
            </a:r>
            <a:endParaRPr lang="en-US"/>
          </a:p>
          <a:p>
            <a:pPr marL="171450" indent="-171450">
              <a:buFont typeface="Arial" panose="020B0604020202020204" pitchFamily="34" charset="0"/>
              <a:buChar char="•"/>
            </a:pPr>
            <a:r>
              <a:rPr lang="en-GB" sz="800" i="1"/>
              <a:t>Multiple leadership for single task</a:t>
            </a:r>
          </a:p>
          <a:p>
            <a:pPr marL="171450" indent="-171450">
              <a:buFont typeface="Arial" panose="020B0604020202020204" pitchFamily="34" charset="0"/>
              <a:buChar char="•"/>
            </a:pPr>
            <a:r>
              <a:rPr lang="en-GB" sz="800" i="1"/>
              <a:t>Overloaded with work</a:t>
            </a:r>
          </a:p>
          <a:p>
            <a:pPr marL="171450" indent="-171450">
              <a:buFont typeface="Arial" panose="020B0604020202020204" pitchFamily="34" charset="0"/>
              <a:buChar char="•"/>
            </a:pPr>
            <a:r>
              <a:rPr lang="en-GB" sz="800" i="1"/>
              <a:t>End to End monitoring  </a:t>
            </a:r>
          </a:p>
          <a:p>
            <a:pPr marL="171450" indent="-171450">
              <a:buFont typeface="Arial" panose="020B0604020202020204" pitchFamily="34" charset="0"/>
              <a:buChar char="•"/>
            </a:pPr>
            <a:r>
              <a:rPr lang="en-GB" sz="800" i="1"/>
              <a:t>Lack of alignment</a:t>
            </a:r>
          </a:p>
          <a:p>
            <a:pPr marL="171450" indent="-171450">
              <a:buFont typeface="Arial" panose="020B0604020202020204" pitchFamily="34" charset="0"/>
              <a:buChar char="•"/>
            </a:pPr>
            <a:endParaRPr lang="en-GB" sz="800" i="1"/>
          </a:p>
        </p:txBody>
      </p:sp>
      <p:sp>
        <p:nvSpPr>
          <p:cNvPr id="2" name="Slide Number Placeholder 1">
            <a:extLst>
              <a:ext uri="{FF2B5EF4-FFF2-40B4-BE49-F238E27FC236}">
                <a16:creationId xmlns:a16="http://schemas.microsoft.com/office/drawing/2014/main" id="{8DE298EE-0638-410D-8EE9-15CF00298CCA}"/>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A204BC-C5BA-4EF4-ABC8-D45123A0C528}" type="slidenum">
              <a:rPr kumimoji="0" lang="en-GB" sz="1000" b="0" i="0" u="none" strike="noStrike" kern="1200" cap="none" spc="0" normalizeH="0" baseline="0" noProof="0" smtClean="0">
                <a:ln>
                  <a:noFill/>
                </a:ln>
                <a:solidFill>
                  <a:prstClr val="black"/>
                </a:solidFill>
                <a:effectLst/>
                <a:uLnTx/>
                <a:uFillTx/>
                <a:latin typeface="Maersk Text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1</a:t>
            </a:fld>
            <a:endParaRPr kumimoji="0" lang="en-GB" sz="1000" b="0" i="0" u="none" strike="noStrike" kern="1200" cap="none" spc="0" normalizeH="0" baseline="0" noProof="0">
              <a:ln>
                <a:noFill/>
              </a:ln>
              <a:solidFill>
                <a:prstClr val="black"/>
              </a:solidFill>
              <a:effectLst/>
              <a:uLnTx/>
              <a:uFillTx/>
              <a:latin typeface="Maersk Text Office"/>
              <a:ea typeface="+mn-ea"/>
              <a:cs typeface="+mn-cs"/>
            </a:endParaRPr>
          </a:p>
        </p:txBody>
      </p:sp>
      <p:sp>
        <p:nvSpPr>
          <p:cNvPr id="3" name="Title 2">
            <a:extLst>
              <a:ext uri="{FF2B5EF4-FFF2-40B4-BE49-F238E27FC236}">
                <a16:creationId xmlns:a16="http://schemas.microsoft.com/office/drawing/2014/main" id="{86F37277-9C42-4BD1-927E-7F1962FB1120}"/>
              </a:ext>
            </a:extLst>
          </p:cNvPr>
          <p:cNvSpPr>
            <a:spLocks noGrp="1"/>
          </p:cNvSpPr>
          <p:nvPr>
            <p:ph type="title"/>
          </p:nvPr>
        </p:nvSpPr>
        <p:spPr>
          <a:xfrm>
            <a:off x="491230" y="210757"/>
            <a:ext cx="11209537" cy="719138"/>
          </a:xfrm>
        </p:spPr>
        <p:txBody>
          <a:bodyPr/>
          <a:lstStyle/>
          <a:p>
            <a:r>
              <a:rPr lang="en-US"/>
              <a:t>Fishbone diagram and Maersk Decom</a:t>
            </a:r>
            <a:br>
              <a:rPr lang="en-US"/>
            </a:br>
            <a:r>
              <a:rPr lang="en-US" sz="2000" i="1"/>
              <a:t>Tender Process for reply to customer</a:t>
            </a:r>
            <a:endParaRPr lang="da-DK" i="1"/>
          </a:p>
        </p:txBody>
      </p:sp>
      <p:pic>
        <p:nvPicPr>
          <p:cNvPr id="8" name="Picture 7" descr="A picture containing logo&#10;&#10;Description automatically generated">
            <a:extLst>
              <a:ext uri="{FF2B5EF4-FFF2-40B4-BE49-F238E27FC236}">
                <a16:creationId xmlns:a16="http://schemas.microsoft.com/office/drawing/2014/main" id="{E66109CA-E47A-9D42-892F-DD8F1D9F68E0}"/>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109833" y="179654"/>
            <a:ext cx="896977" cy="896977"/>
          </a:xfrm>
          <a:prstGeom prst="rect">
            <a:avLst/>
          </a:prstGeom>
        </p:spPr>
      </p:pic>
      <p:sp>
        <p:nvSpPr>
          <p:cNvPr id="28" name="Rectangle 27">
            <a:extLst>
              <a:ext uri="{FF2B5EF4-FFF2-40B4-BE49-F238E27FC236}">
                <a16:creationId xmlns:a16="http://schemas.microsoft.com/office/drawing/2014/main" id="{AFC390C5-BCB5-964D-98A3-48C78598BFEA}"/>
              </a:ext>
            </a:extLst>
          </p:cNvPr>
          <p:cNvSpPr/>
          <p:nvPr/>
        </p:nvSpPr>
        <p:spPr>
          <a:xfrm>
            <a:off x="9388145" y="2974125"/>
            <a:ext cx="2170176" cy="731520"/>
          </a:xfrm>
          <a:prstGeom prst="rect">
            <a:avLst/>
          </a:prstGeom>
          <a:ln/>
        </p:spPr>
        <p:style>
          <a:lnRef idx="1">
            <a:schemeClr val="accent1"/>
          </a:lnRef>
          <a:fillRef idx="3">
            <a:schemeClr val="accent1"/>
          </a:fillRef>
          <a:effectRef idx="2">
            <a:schemeClr val="accent1"/>
          </a:effectRef>
          <a:fontRef idx="minor">
            <a:schemeClr val="lt1"/>
          </a:fontRef>
        </p:style>
        <p:txBody>
          <a:bodyPr lIns="237600" tIns="237600" rIns="237600" bIns="237600" rtlCol="0" anchor="ctr"/>
          <a:lstStyle/>
          <a:p>
            <a:pPr algn="ctr"/>
            <a:r>
              <a:rPr lang="en-GB" sz="1400"/>
              <a:t>Unsatisfying t</a:t>
            </a:r>
            <a:r>
              <a:rPr lang="en-GB" sz="1400" noProof="0"/>
              <a:t>ender process</a:t>
            </a:r>
          </a:p>
        </p:txBody>
      </p:sp>
      <p:cxnSp>
        <p:nvCxnSpPr>
          <p:cNvPr id="29" name="Straight Connector 28">
            <a:extLst>
              <a:ext uri="{FF2B5EF4-FFF2-40B4-BE49-F238E27FC236}">
                <a16:creationId xmlns:a16="http://schemas.microsoft.com/office/drawing/2014/main" id="{A9CCC835-F31F-D74C-81BE-E05ABFD815FE}"/>
              </a:ext>
            </a:extLst>
          </p:cNvPr>
          <p:cNvCxnSpPr>
            <a:cxnSpLocks/>
          </p:cNvCxnSpPr>
          <p:nvPr/>
        </p:nvCxnSpPr>
        <p:spPr>
          <a:xfrm>
            <a:off x="1248229" y="3339885"/>
            <a:ext cx="8139916" cy="0"/>
          </a:xfrm>
          <a:prstGeom prst="line">
            <a:avLst/>
          </a:prstGeom>
          <a:ln w="381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B40E843A-3AB5-2B4E-AEC3-CFFBD75D8228}"/>
              </a:ext>
            </a:extLst>
          </p:cNvPr>
          <p:cNvCxnSpPr>
            <a:cxnSpLocks/>
          </p:cNvCxnSpPr>
          <p:nvPr/>
        </p:nvCxnSpPr>
        <p:spPr>
          <a:xfrm>
            <a:off x="6662694" y="1525869"/>
            <a:ext cx="1372082" cy="1814016"/>
          </a:xfrm>
          <a:prstGeom prst="line">
            <a:avLst/>
          </a:prstGeom>
          <a:ln w="25400">
            <a:solidFill>
              <a:schemeClr val="accent1"/>
            </a:solidFill>
          </a:ln>
        </p:spPr>
        <p:style>
          <a:lnRef idx="1">
            <a:schemeClr val="accent1"/>
          </a:lnRef>
          <a:fillRef idx="0">
            <a:schemeClr val="accent1"/>
          </a:fillRef>
          <a:effectRef idx="0">
            <a:schemeClr val="accent1"/>
          </a:effectRef>
          <a:fontRef idx="minor">
            <a:schemeClr val="tx1"/>
          </a:fontRef>
        </p:style>
      </p:cxnSp>
      <p:sp>
        <p:nvSpPr>
          <p:cNvPr id="32" name="Rectangle 31">
            <a:extLst>
              <a:ext uri="{FF2B5EF4-FFF2-40B4-BE49-F238E27FC236}">
                <a16:creationId xmlns:a16="http://schemas.microsoft.com/office/drawing/2014/main" id="{0CDC2F05-7F4F-8748-9872-E80E8D327937}"/>
              </a:ext>
            </a:extLst>
          </p:cNvPr>
          <p:cNvSpPr/>
          <p:nvPr/>
        </p:nvSpPr>
        <p:spPr>
          <a:xfrm>
            <a:off x="5877001" y="1160109"/>
            <a:ext cx="1085088" cy="365760"/>
          </a:xfrm>
          <a:prstGeom prst="rect">
            <a:avLst/>
          </a:prstGeom>
          <a:ln/>
        </p:spPr>
        <p:style>
          <a:lnRef idx="1">
            <a:schemeClr val="accent1"/>
          </a:lnRef>
          <a:fillRef idx="3">
            <a:schemeClr val="accent1"/>
          </a:fillRef>
          <a:effectRef idx="2">
            <a:schemeClr val="accent1"/>
          </a:effectRef>
          <a:fontRef idx="minor">
            <a:schemeClr val="lt1"/>
          </a:fontRef>
        </p:style>
        <p:txBody>
          <a:bodyPr lIns="237600" tIns="237600" rIns="237600" bIns="237600" rtlCol="0" anchor="ctr"/>
          <a:lstStyle/>
          <a:p>
            <a:pPr algn="ctr"/>
            <a:r>
              <a:rPr lang="en-GB" sz="1200"/>
              <a:t>People</a:t>
            </a:r>
            <a:endParaRPr lang="en-GB" sz="1200" noProof="0" err="1"/>
          </a:p>
        </p:txBody>
      </p:sp>
      <p:cxnSp>
        <p:nvCxnSpPr>
          <p:cNvPr id="34" name="Straight Connector 33">
            <a:extLst>
              <a:ext uri="{FF2B5EF4-FFF2-40B4-BE49-F238E27FC236}">
                <a16:creationId xmlns:a16="http://schemas.microsoft.com/office/drawing/2014/main" id="{D4BE565C-6F7F-4B40-B163-48CD3C971A26}"/>
              </a:ext>
            </a:extLst>
          </p:cNvPr>
          <p:cNvCxnSpPr>
            <a:cxnSpLocks/>
          </p:cNvCxnSpPr>
          <p:nvPr/>
        </p:nvCxnSpPr>
        <p:spPr>
          <a:xfrm>
            <a:off x="3689279" y="1524466"/>
            <a:ext cx="1423430" cy="1810757"/>
          </a:xfrm>
          <a:prstGeom prst="line">
            <a:avLst/>
          </a:prstGeom>
          <a:ln w="25400">
            <a:solidFill>
              <a:schemeClr val="accent1"/>
            </a:solidFill>
          </a:ln>
        </p:spPr>
        <p:style>
          <a:lnRef idx="1">
            <a:schemeClr val="accent1"/>
          </a:lnRef>
          <a:fillRef idx="0">
            <a:schemeClr val="accent1"/>
          </a:fillRef>
          <a:effectRef idx="0">
            <a:schemeClr val="accent1"/>
          </a:effectRef>
          <a:fontRef idx="minor">
            <a:schemeClr val="tx1"/>
          </a:fontRef>
        </p:style>
      </p:cxnSp>
      <p:sp>
        <p:nvSpPr>
          <p:cNvPr id="35" name="Rectangle 34">
            <a:extLst>
              <a:ext uri="{FF2B5EF4-FFF2-40B4-BE49-F238E27FC236}">
                <a16:creationId xmlns:a16="http://schemas.microsoft.com/office/drawing/2014/main" id="{78A30820-9ED7-4145-AB7E-4D150E4122CA}"/>
              </a:ext>
            </a:extLst>
          </p:cNvPr>
          <p:cNvSpPr/>
          <p:nvPr/>
        </p:nvSpPr>
        <p:spPr>
          <a:xfrm>
            <a:off x="2957450" y="1163368"/>
            <a:ext cx="1085088" cy="365760"/>
          </a:xfrm>
          <a:prstGeom prst="rect">
            <a:avLst/>
          </a:prstGeom>
          <a:ln/>
        </p:spPr>
        <p:style>
          <a:lnRef idx="1">
            <a:schemeClr val="accent1"/>
          </a:lnRef>
          <a:fillRef idx="3">
            <a:schemeClr val="accent1"/>
          </a:fillRef>
          <a:effectRef idx="2">
            <a:schemeClr val="accent1"/>
          </a:effectRef>
          <a:fontRef idx="minor">
            <a:schemeClr val="lt1"/>
          </a:fontRef>
        </p:style>
        <p:txBody>
          <a:bodyPr lIns="237600" tIns="237600" rIns="237600" bIns="237600" rtlCol="0" anchor="ctr"/>
          <a:lstStyle/>
          <a:p>
            <a:pPr algn="ctr"/>
            <a:r>
              <a:rPr lang="en-GB" sz="1200"/>
              <a:t>Tools</a:t>
            </a:r>
            <a:endParaRPr lang="en-GB" sz="1200" noProof="0" err="1"/>
          </a:p>
        </p:txBody>
      </p:sp>
      <p:cxnSp>
        <p:nvCxnSpPr>
          <p:cNvPr id="36" name="Straight Connector 35">
            <a:extLst>
              <a:ext uri="{FF2B5EF4-FFF2-40B4-BE49-F238E27FC236}">
                <a16:creationId xmlns:a16="http://schemas.microsoft.com/office/drawing/2014/main" id="{BB51C2AB-FDB8-6441-972E-8F2C8E2106A5}"/>
              </a:ext>
            </a:extLst>
          </p:cNvPr>
          <p:cNvCxnSpPr>
            <a:cxnSpLocks/>
            <a:stCxn id="37" idx="0"/>
          </p:cNvCxnSpPr>
          <p:nvPr/>
        </p:nvCxnSpPr>
        <p:spPr>
          <a:xfrm flipV="1">
            <a:off x="5943600" y="3339885"/>
            <a:ext cx="1179502" cy="2141795"/>
          </a:xfrm>
          <a:prstGeom prst="line">
            <a:avLst/>
          </a:prstGeom>
          <a:ln w="25400">
            <a:solidFill>
              <a:schemeClr val="accent1"/>
            </a:solidFill>
          </a:ln>
        </p:spPr>
        <p:style>
          <a:lnRef idx="1">
            <a:schemeClr val="accent1"/>
          </a:lnRef>
          <a:fillRef idx="0">
            <a:schemeClr val="accent1"/>
          </a:fillRef>
          <a:effectRef idx="0">
            <a:schemeClr val="accent1"/>
          </a:effectRef>
          <a:fontRef idx="minor">
            <a:schemeClr val="tx1"/>
          </a:fontRef>
        </p:style>
      </p:cxnSp>
      <p:sp>
        <p:nvSpPr>
          <p:cNvPr id="37" name="Rectangle 36">
            <a:extLst>
              <a:ext uri="{FF2B5EF4-FFF2-40B4-BE49-F238E27FC236}">
                <a16:creationId xmlns:a16="http://schemas.microsoft.com/office/drawing/2014/main" id="{1E180605-9875-764E-95BF-A5E3DAA6CDB2}"/>
              </a:ext>
            </a:extLst>
          </p:cNvPr>
          <p:cNvSpPr/>
          <p:nvPr/>
        </p:nvSpPr>
        <p:spPr>
          <a:xfrm>
            <a:off x="5248656" y="5481680"/>
            <a:ext cx="1389888" cy="365760"/>
          </a:xfrm>
          <a:prstGeom prst="rect">
            <a:avLst/>
          </a:prstGeom>
          <a:ln/>
        </p:spPr>
        <p:style>
          <a:lnRef idx="1">
            <a:schemeClr val="accent1"/>
          </a:lnRef>
          <a:fillRef idx="3">
            <a:schemeClr val="accent1"/>
          </a:fillRef>
          <a:effectRef idx="2">
            <a:schemeClr val="accent1"/>
          </a:effectRef>
          <a:fontRef idx="minor">
            <a:schemeClr val="lt1"/>
          </a:fontRef>
        </p:style>
        <p:txBody>
          <a:bodyPr lIns="237600" tIns="237600" rIns="237600" bIns="237600" rtlCol="0" anchor="ctr"/>
          <a:lstStyle/>
          <a:p>
            <a:pPr algn="ctr"/>
            <a:r>
              <a:rPr lang="en-GB" sz="1200"/>
              <a:t>Governance</a:t>
            </a:r>
            <a:endParaRPr lang="en-GB" sz="1200" noProof="0" err="1"/>
          </a:p>
        </p:txBody>
      </p:sp>
      <p:cxnSp>
        <p:nvCxnSpPr>
          <p:cNvPr id="38" name="Straight Connector 37">
            <a:extLst>
              <a:ext uri="{FF2B5EF4-FFF2-40B4-BE49-F238E27FC236}">
                <a16:creationId xmlns:a16="http://schemas.microsoft.com/office/drawing/2014/main" id="{2E06D6CB-959F-DD4C-922D-0A0A5B1F5717}"/>
              </a:ext>
            </a:extLst>
          </p:cNvPr>
          <p:cNvCxnSpPr>
            <a:cxnSpLocks/>
          </p:cNvCxnSpPr>
          <p:nvPr/>
        </p:nvCxnSpPr>
        <p:spPr>
          <a:xfrm flipV="1">
            <a:off x="2661817" y="3347581"/>
            <a:ext cx="1285364" cy="2125309"/>
          </a:xfrm>
          <a:prstGeom prst="line">
            <a:avLst/>
          </a:prstGeom>
          <a:ln w="25400">
            <a:solidFill>
              <a:schemeClr val="accent1"/>
            </a:solidFill>
          </a:ln>
        </p:spPr>
        <p:style>
          <a:lnRef idx="1">
            <a:schemeClr val="accent1"/>
          </a:lnRef>
          <a:fillRef idx="0">
            <a:schemeClr val="accent1"/>
          </a:fillRef>
          <a:effectRef idx="0">
            <a:schemeClr val="accent1"/>
          </a:effectRef>
          <a:fontRef idx="minor">
            <a:schemeClr val="tx1"/>
          </a:fontRef>
        </p:style>
      </p:cxnSp>
      <p:sp>
        <p:nvSpPr>
          <p:cNvPr id="39" name="Rectangle 38">
            <a:extLst>
              <a:ext uri="{FF2B5EF4-FFF2-40B4-BE49-F238E27FC236}">
                <a16:creationId xmlns:a16="http://schemas.microsoft.com/office/drawing/2014/main" id="{000D1375-0A62-494D-8DB9-81ED80045ACC}"/>
              </a:ext>
            </a:extLst>
          </p:cNvPr>
          <p:cNvSpPr/>
          <p:nvPr/>
        </p:nvSpPr>
        <p:spPr>
          <a:xfrm>
            <a:off x="1893921" y="5479172"/>
            <a:ext cx="1428372" cy="373456"/>
          </a:xfrm>
          <a:prstGeom prst="rect">
            <a:avLst/>
          </a:prstGeom>
          <a:ln/>
        </p:spPr>
        <p:style>
          <a:lnRef idx="1">
            <a:schemeClr val="accent1"/>
          </a:lnRef>
          <a:fillRef idx="3">
            <a:schemeClr val="accent1"/>
          </a:fillRef>
          <a:effectRef idx="2">
            <a:schemeClr val="accent1"/>
          </a:effectRef>
          <a:fontRef idx="minor">
            <a:schemeClr val="lt1"/>
          </a:fontRef>
        </p:style>
        <p:txBody>
          <a:bodyPr lIns="237600" tIns="237600" rIns="237600" bIns="237600" rtlCol="0" anchor="ctr"/>
          <a:lstStyle/>
          <a:p>
            <a:pPr algn="ctr"/>
            <a:r>
              <a:rPr lang="en-GB" sz="1200"/>
              <a:t>Resources</a:t>
            </a:r>
            <a:endParaRPr lang="en-GB" sz="1200" noProof="0" err="1"/>
          </a:p>
        </p:txBody>
      </p:sp>
      <p:sp>
        <p:nvSpPr>
          <p:cNvPr id="41" name="TextBox 40">
            <a:extLst>
              <a:ext uri="{FF2B5EF4-FFF2-40B4-BE49-F238E27FC236}">
                <a16:creationId xmlns:a16="http://schemas.microsoft.com/office/drawing/2014/main" id="{1DA5E973-2158-DC4A-BF1D-25563422DF20}"/>
              </a:ext>
            </a:extLst>
          </p:cNvPr>
          <p:cNvSpPr txBox="1"/>
          <p:nvPr/>
        </p:nvSpPr>
        <p:spPr>
          <a:xfrm>
            <a:off x="1895662" y="3568898"/>
            <a:ext cx="2000923" cy="261610"/>
          </a:xfrm>
          <a:prstGeom prst="rect">
            <a:avLst/>
          </a:prstGeom>
          <a:noFill/>
        </p:spPr>
        <p:txBody>
          <a:bodyPr wrap="square" rtlCol="0">
            <a:spAutoFit/>
          </a:bodyPr>
          <a:lstStyle/>
          <a:p>
            <a:r>
              <a:rPr lang="en-GB" sz="1100"/>
              <a:t>Lack of resources </a:t>
            </a:r>
          </a:p>
        </p:txBody>
      </p:sp>
      <p:sp>
        <p:nvSpPr>
          <p:cNvPr id="43" name="TextBox 42">
            <a:extLst>
              <a:ext uri="{FF2B5EF4-FFF2-40B4-BE49-F238E27FC236}">
                <a16:creationId xmlns:a16="http://schemas.microsoft.com/office/drawing/2014/main" id="{ABAD0511-39C9-194A-929C-0CC3E30E56F6}"/>
              </a:ext>
            </a:extLst>
          </p:cNvPr>
          <p:cNvSpPr txBox="1"/>
          <p:nvPr/>
        </p:nvSpPr>
        <p:spPr>
          <a:xfrm>
            <a:off x="6961169" y="1602563"/>
            <a:ext cx="2760145" cy="269715"/>
          </a:xfrm>
          <a:prstGeom prst="rect">
            <a:avLst/>
          </a:prstGeom>
          <a:noFill/>
        </p:spPr>
        <p:txBody>
          <a:bodyPr wrap="square" rtlCol="0">
            <a:spAutoFit/>
          </a:bodyPr>
          <a:lstStyle/>
          <a:p>
            <a:pPr algn="r"/>
            <a:r>
              <a:rPr lang="en-GB" sz="1100"/>
              <a:t>Uncoherent organisational structure </a:t>
            </a:r>
          </a:p>
        </p:txBody>
      </p:sp>
      <p:cxnSp>
        <p:nvCxnSpPr>
          <p:cNvPr id="45" name="Straight Connector 44">
            <a:extLst>
              <a:ext uri="{FF2B5EF4-FFF2-40B4-BE49-F238E27FC236}">
                <a16:creationId xmlns:a16="http://schemas.microsoft.com/office/drawing/2014/main" id="{3A2E34A2-6411-2341-9C9B-29EE1045917F}"/>
              </a:ext>
            </a:extLst>
          </p:cNvPr>
          <p:cNvCxnSpPr>
            <a:cxnSpLocks/>
          </p:cNvCxnSpPr>
          <p:nvPr/>
        </p:nvCxnSpPr>
        <p:spPr>
          <a:xfrm>
            <a:off x="5162543" y="1985486"/>
            <a:ext cx="1866913"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
        <p:nvSpPr>
          <p:cNvPr id="48" name="TextBox 47">
            <a:extLst>
              <a:ext uri="{FF2B5EF4-FFF2-40B4-BE49-F238E27FC236}">
                <a16:creationId xmlns:a16="http://schemas.microsoft.com/office/drawing/2014/main" id="{12FD9661-58B4-3F43-B850-E3D271BD11AE}"/>
              </a:ext>
            </a:extLst>
          </p:cNvPr>
          <p:cNvSpPr txBox="1"/>
          <p:nvPr/>
        </p:nvSpPr>
        <p:spPr>
          <a:xfrm>
            <a:off x="4553499" y="4465177"/>
            <a:ext cx="2000923" cy="261610"/>
          </a:xfrm>
          <a:prstGeom prst="rect">
            <a:avLst/>
          </a:prstGeom>
          <a:noFill/>
        </p:spPr>
        <p:txBody>
          <a:bodyPr wrap="square" rtlCol="0">
            <a:spAutoFit/>
          </a:bodyPr>
          <a:lstStyle/>
          <a:p>
            <a:r>
              <a:rPr lang="en-GB" sz="1100"/>
              <a:t>No enforced procedure</a:t>
            </a:r>
          </a:p>
        </p:txBody>
      </p:sp>
      <p:sp>
        <p:nvSpPr>
          <p:cNvPr id="49" name="TextBox 48">
            <a:extLst>
              <a:ext uri="{FF2B5EF4-FFF2-40B4-BE49-F238E27FC236}">
                <a16:creationId xmlns:a16="http://schemas.microsoft.com/office/drawing/2014/main" id="{383FEE7E-56F8-6A41-8621-9B0F57645632}"/>
              </a:ext>
            </a:extLst>
          </p:cNvPr>
          <p:cNvSpPr txBox="1"/>
          <p:nvPr/>
        </p:nvSpPr>
        <p:spPr>
          <a:xfrm>
            <a:off x="4736298" y="3493432"/>
            <a:ext cx="1218786" cy="261610"/>
          </a:xfrm>
          <a:prstGeom prst="rect">
            <a:avLst/>
          </a:prstGeom>
          <a:noFill/>
        </p:spPr>
        <p:txBody>
          <a:bodyPr wrap="square" rtlCol="0">
            <a:spAutoFit/>
          </a:bodyPr>
          <a:lstStyle/>
          <a:p>
            <a:r>
              <a:rPr lang="en-GB" sz="1100"/>
              <a:t>Unclear process</a:t>
            </a:r>
          </a:p>
        </p:txBody>
      </p:sp>
      <p:sp>
        <p:nvSpPr>
          <p:cNvPr id="50" name="TextBox 49">
            <a:extLst>
              <a:ext uri="{FF2B5EF4-FFF2-40B4-BE49-F238E27FC236}">
                <a16:creationId xmlns:a16="http://schemas.microsoft.com/office/drawing/2014/main" id="{D6CA5D1D-81DB-E146-852B-AAAABF96D2D9}"/>
              </a:ext>
            </a:extLst>
          </p:cNvPr>
          <p:cNvSpPr txBox="1"/>
          <p:nvPr/>
        </p:nvSpPr>
        <p:spPr>
          <a:xfrm>
            <a:off x="4724333" y="3744137"/>
            <a:ext cx="1842142" cy="584775"/>
          </a:xfrm>
          <a:prstGeom prst="rect">
            <a:avLst/>
          </a:prstGeom>
          <a:noFill/>
        </p:spPr>
        <p:txBody>
          <a:bodyPr wrap="square" lIns="91440" tIns="45720" rIns="91440" bIns="45720" rtlCol="0" anchor="t">
            <a:spAutoFit/>
          </a:bodyPr>
          <a:lstStyle/>
          <a:p>
            <a:pPr marL="171450" indent="-171450">
              <a:buFont typeface="Arial" panose="020B0604020202020204" pitchFamily="34" charset="0"/>
              <a:buChar char="•"/>
            </a:pPr>
            <a:r>
              <a:rPr lang="en-GB" sz="800" i="1"/>
              <a:t>Unclear selection process/decision gate</a:t>
            </a:r>
          </a:p>
          <a:p>
            <a:pPr marL="171450" indent="-171450">
              <a:buFont typeface="Arial" panose="020B0604020202020204" pitchFamily="34" charset="0"/>
              <a:buChar char="•"/>
            </a:pPr>
            <a:r>
              <a:rPr lang="en-GB" sz="800" i="1"/>
              <a:t>Unclear reply to customer process</a:t>
            </a:r>
          </a:p>
          <a:p>
            <a:pPr marL="171450" indent="-171450">
              <a:buFont typeface="Arial" panose="020B0604020202020204" pitchFamily="34" charset="0"/>
              <a:buChar char="•"/>
            </a:pPr>
            <a:r>
              <a:rPr lang="en-GB" sz="800" i="1"/>
              <a:t>Unclear methodology</a:t>
            </a:r>
            <a:endParaRPr lang="en-DK" sz="800" i="1"/>
          </a:p>
        </p:txBody>
      </p:sp>
      <p:sp>
        <p:nvSpPr>
          <p:cNvPr id="51" name="TextBox 50">
            <a:extLst>
              <a:ext uri="{FF2B5EF4-FFF2-40B4-BE49-F238E27FC236}">
                <a16:creationId xmlns:a16="http://schemas.microsoft.com/office/drawing/2014/main" id="{3A400206-3778-3740-A6D3-C01F84EA9ECC}"/>
              </a:ext>
            </a:extLst>
          </p:cNvPr>
          <p:cNvSpPr txBox="1"/>
          <p:nvPr/>
        </p:nvSpPr>
        <p:spPr>
          <a:xfrm>
            <a:off x="6820043" y="4021514"/>
            <a:ext cx="1885005" cy="261610"/>
          </a:xfrm>
          <a:prstGeom prst="rect">
            <a:avLst/>
          </a:prstGeom>
          <a:noFill/>
        </p:spPr>
        <p:txBody>
          <a:bodyPr wrap="square" rtlCol="0">
            <a:spAutoFit/>
          </a:bodyPr>
          <a:lstStyle/>
          <a:p>
            <a:pPr algn="r"/>
            <a:r>
              <a:rPr lang="en-GB" sz="1100"/>
              <a:t>Unclear tender definition</a:t>
            </a:r>
          </a:p>
        </p:txBody>
      </p:sp>
      <p:sp>
        <p:nvSpPr>
          <p:cNvPr id="52" name="TextBox 51">
            <a:extLst>
              <a:ext uri="{FF2B5EF4-FFF2-40B4-BE49-F238E27FC236}">
                <a16:creationId xmlns:a16="http://schemas.microsoft.com/office/drawing/2014/main" id="{FEE7AEE3-178B-1A4C-8619-03800DFECE8C}"/>
              </a:ext>
            </a:extLst>
          </p:cNvPr>
          <p:cNvSpPr txBox="1"/>
          <p:nvPr/>
        </p:nvSpPr>
        <p:spPr>
          <a:xfrm>
            <a:off x="7552285" y="4690618"/>
            <a:ext cx="1335758" cy="261610"/>
          </a:xfrm>
          <a:prstGeom prst="rect">
            <a:avLst/>
          </a:prstGeom>
          <a:noFill/>
        </p:spPr>
        <p:txBody>
          <a:bodyPr wrap="square" rtlCol="0">
            <a:spAutoFit/>
          </a:bodyPr>
          <a:lstStyle/>
          <a:p>
            <a:pPr algn="r"/>
            <a:r>
              <a:rPr lang="en-GB" sz="1100"/>
              <a:t>Missing guidelines</a:t>
            </a:r>
          </a:p>
        </p:txBody>
      </p:sp>
      <p:cxnSp>
        <p:nvCxnSpPr>
          <p:cNvPr id="53" name="Straight Connector 52">
            <a:extLst>
              <a:ext uri="{FF2B5EF4-FFF2-40B4-BE49-F238E27FC236}">
                <a16:creationId xmlns:a16="http://schemas.microsoft.com/office/drawing/2014/main" id="{3431E4E7-AD48-BE43-9767-8010484F6B3F}"/>
              </a:ext>
            </a:extLst>
          </p:cNvPr>
          <p:cNvCxnSpPr>
            <a:cxnSpLocks/>
          </p:cNvCxnSpPr>
          <p:nvPr/>
        </p:nvCxnSpPr>
        <p:spPr>
          <a:xfrm>
            <a:off x="4811697" y="3727702"/>
            <a:ext cx="2078222"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54" name="Straight Connector 53">
            <a:extLst>
              <a:ext uri="{FF2B5EF4-FFF2-40B4-BE49-F238E27FC236}">
                <a16:creationId xmlns:a16="http://schemas.microsoft.com/office/drawing/2014/main" id="{2D426D87-6A05-A548-A561-B3D744F04CF1}"/>
              </a:ext>
            </a:extLst>
          </p:cNvPr>
          <p:cNvCxnSpPr>
            <a:cxnSpLocks/>
          </p:cNvCxnSpPr>
          <p:nvPr/>
        </p:nvCxnSpPr>
        <p:spPr>
          <a:xfrm>
            <a:off x="6617221" y="4263279"/>
            <a:ext cx="2027649"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9B5838F5-D1E2-D045-B4C2-72EF404F1D4B}"/>
              </a:ext>
            </a:extLst>
          </p:cNvPr>
          <p:cNvCxnSpPr>
            <a:cxnSpLocks/>
          </p:cNvCxnSpPr>
          <p:nvPr/>
        </p:nvCxnSpPr>
        <p:spPr>
          <a:xfrm>
            <a:off x="6239393" y="4950293"/>
            <a:ext cx="2773978"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FBE74FA6-5E88-254D-80D3-1D4D876D2E97}"/>
              </a:ext>
            </a:extLst>
          </p:cNvPr>
          <p:cNvCxnSpPr>
            <a:cxnSpLocks/>
          </p:cNvCxnSpPr>
          <p:nvPr/>
        </p:nvCxnSpPr>
        <p:spPr>
          <a:xfrm>
            <a:off x="4469655" y="4724868"/>
            <a:ext cx="1838639"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
        <p:nvSpPr>
          <p:cNvPr id="64" name="TextBox 63">
            <a:extLst>
              <a:ext uri="{FF2B5EF4-FFF2-40B4-BE49-F238E27FC236}">
                <a16:creationId xmlns:a16="http://schemas.microsoft.com/office/drawing/2014/main" id="{2A9040AB-C4D8-E149-A093-AB60476A30B3}"/>
              </a:ext>
            </a:extLst>
          </p:cNvPr>
          <p:cNvSpPr txBox="1"/>
          <p:nvPr/>
        </p:nvSpPr>
        <p:spPr>
          <a:xfrm>
            <a:off x="7115773" y="4257935"/>
            <a:ext cx="1625434" cy="338554"/>
          </a:xfrm>
          <a:prstGeom prst="rect">
            <a:avLst/>
          </a:prstGeom>
          <a:noFill/>
        </p:spPr>
        <p:txBody>
          <a:bodyPr wrap="square" rtlCol="0">
            <a:spAutoFit/>
          </a:bodyPr>
          <a:lstStyle/>
          <a:p>
            <a:pPr marL="171450" indent="-171450">
              <a:buFont typeface="Arial" panose="020B0604020202020204" pitchFamily="34" charset="0"/>
              <a:buChar char="•"/>
            </a:pPr>
            <a:r>
              <a:rPr lang="en-GB" sz="800" i="1"/>
              <a:t>Tender structure</a:t>
            </a:r>
          </a:p>
          <a:p>
            <a:pPr marL="171450" indent="-171450">
              <a:buFont typeface="Arial" panose="020B0604020202020204" pitchFamily="34" charset="0"/>
              <a:buChar char="•"/>
            </a:pPr>
            <a:r>
              <a:rPr lang="en-GB" sz="800" i="1"/>
              <a:t>Unclear scope clarification</a:t>
            </a:r>
            <a:endParaRPr lang="en-DK" sz="800" i="1"/>
          </a:p>
        </p:txBody>
      </p:sp>
      <p:sp>
        <p:nvSpPr>
          <p:cNvPr id="66" name="TextBox 65">
            <a:extLst>
              <a:ext uri="{FF2B5EF4-FFF2-40B4-BE49-F238E27FC236}">
                <a16:creationId xmlns:a16="http://schemas.microsoft.com/office/drawing/2014/main" id="{65B6845B-E842-1841-9347-6E0F2ADE05F8}"/>
              </a:ext>
            </a:extLst>
          </p:cNvPr>
          <p:cNvSpPr txBox="1"/>
          <p:nvPr/>
        </p:nvSpPr>
        <p:spPr>
          <a:xfrm>
            <a:off x="4431547" y="4721462"/>
            <a:ext cx="1667629" cy="461665"/>
          </a:xfrm>
          <a:prstGeom prst="rect">
            <a:avLst/>
          </a:prstGeom>
          <a:noFill/>
        </p:spPr>
        <p:txBody>
          <a:bodyPr wrap="square" rtlCol="0">
            <a:spAutoFit/>
          </a:bodyPr>
          <a:lstStyle/>
          <a:p>
            <a:pPr marL="171450" indent="-171450">
              <a:buFont typeface="Arial" panose="020B0604020202020204" pitchFamily="34" charset="0"/>
              <a:buChar char="•"/>
            </a:pPr>
            <a:r>
              <a:rPr lang="en-GB" sz="800" i="1"/>
              <a:t>Fail to meet internal deadlines</a:t>
            </a:r>
          </a:p>
          <a:p>
            <a:pPr marL="171450" indent="-171450">
              <a:buFont typeface="Arial" panose="020B0604020202020204" pitchFamily="34" charset="0"/>
              <a:buChar char="•"/>
            </a:pPr>
            <a:r>
              <a:rPr lang="en-GB" sz="800" i="1"/>
              <a:t>Work done accordingly to the need of the hour</a:t>
            </a:r>
            <a:endParaRPr lang="en-GB" sz="800" i="1">
              <a:highlight>
                <a:srgbClr val="FFFF00"/>
              </a:highlight>
            </a:endParaRPr>
          </a:p>
        </p:txBody>
      </p:sp>
      <p:sp>
        <p:nvSpPr>
          <p:cNvPr id="69" name="TextBox 68">
            <a:extLst>
              <a:ext uri="{FF2B5EF4-FFF2-40B4-BE49-F238E27FC236}">
                <a16:creationId xmlns:a16="http://schemas.microsoft.com/office/drawing/2014/main" id="{234E02A0-44FE-074B-981B-A1A74A033B5A}"/>
              </a:ext>
            </a:extLst>
          </p:cNvPr>
          <p:cNvSpPr txBox="1"/>
          <p:nvPr/>
        </p:nvSpPr>
        <p:spPr>
          <a:xfrm>
            <a:off x="1075868" y="1600526"/>
            <a:ext cx="3150998" cy="261610"/>
          </a:xfrm>
          <a:prstGeom prst="rect">
            <a:avLst/>
          </a:prstGeom>
          <a:noFill/>
        </p:spPr>
        <p:txBody>
          <a:bodyPr wrap="square" rtlCol="0">
            <a:spAutoFit/>
          </a:bodyPr>
          <a:lstStyle/>
          <a:p>
            <a:r>
              <a:rPr lang="en-GB" sz="1100"/>
              <a:t>No Software</a:t>
            </a:r>
          </a:p>
        </p:txBody>
      </p:sp>
      <p:sp>
        <p:nvSpPr>
          <p:cNvPr id="70" name="TextBox 69">
            <a:extLst>
              <a:ext uri="{FF2B5EF4-FFF2-40B4-BE49-F238E27FC236}">
                <a16:creationId xmlns:a16="http://schemas.microsoft.com/office/drawing/2014/main" id="{B21C7B36-6841-C642-BFDE-0B08B9AF99F2}"/>
              </a:ext>
            </a:extLst>
          </p:cNvPr>
          <p:cNvSpPr txBox="1"/>
          <p:nvPr/>
        </p:nvSpPr>
        <p:spPr>
          <a:xfrm>
            <a:off x="6959912" y="4988449"/>
            <a:ext cx="1927354" cy="215444"/>
          </a:xfrm>
          <a:prstGeom prst="rect">
            <a:avLst/>
          </a:prstGeom>
          <a:noFill/>
        </p:spPr>
        <p:txBody>
          <a:bodyPr wrap="square" rtlCol="0">
            <a:spAutoFit/>
          </a:bodyPr>
          <a:lstStyle/>
          <a:p>
            <a:pPr marL="171450" indent="-171450" algn="r">
              <a:buFont typeface="Arial" panose="020B0604020202020204" pitchFamily="34" charset="0"/>
              <a:buChar char="•"/>
            </a:pPr>
            <a:r>
              <a:rPr lang="en-GB" sz="800" i="1"/>
              <a:t>No standardised submission format</a:t>
            </a:r>
            <a:endParaRPr lang="en-DK" sz="800" i="1">
              <a:highlight>
                <a:srgbClr val="FFFF00"/>
              </a:highlight>
            </a:endParaRPr>
          </a:p>
        </p:txBody>
      </p:sp>
      <p:sp>
        <p:nvSpPr>
          <p:cNvPr id="71" name="TextBox 70">
            <a:extLst>
              <a:ext uri="{FF2B5EF4-FFF2-40B4-BE49-F238E27FC236}">
                <a16:creationId xmlns:a16="http://schemas.microsoft.com/office/drawing/2014/main" id="{D39EF7E1-1801-0E48-B532-6FB40024B851}"/>
              </a:ext>
            </a:extLst>
          </p:cNvPr>
          <p:cNvSpPr txBox="1"/>
          <p:nvPr/>
        </p:nvSpPr>
        <p:spPr>
          <a:xfrm>
            <a:off x="2567660" y="2415305"/>
            <a:ext cx="1544955" cy="261610"/>
          </a:xfrm>
          <a:prstGeom prst="rect">
            <a:avLst/>
          </a:prstGeom>
          <a:noFill/>
        </p:spPr>
        <p:txBody>
          <a:bodyPr wrap="square" rtlCol="0">
            <a:spAutoFit/>
          </a:bodyPr>
          <a:lstStyle/>
          <a:p>
            <a:r>
              <a:rPr lang="en-GB" sz="1100"/>
              <a:t>No enforced tool</a:t>
            </a:r>
          </a:p>
        </p:txBody>
      </p:sp>
      <p:sp>
        <p:nvSpPr>
          <p:cNvPr id="72" name="TextBox 71">
            <a:extLst>
              <a:ext uri="{FF2B5EF4-FFF2-40B4-BE49-F238E27FC236}">
                <a16:creationId xmlns:a16="http://schemas.microsoft.com/office/drawing/2014/main" id="{A5BAC920-3E40-024A-A562-72662E2DA217}"/>
              </a:ext>
            </a:extLst>
          </p:cNvPr>
          <p:cNvSpPr txBox="1"/>
          <p:nvPr/>
        </p:nvSpPr>
        <p:spPr>
          <a:xfrm>
            <a:off x="2569124" y="2593408"/>
            <a:ext cx="1927354" cy="707886"/>
          </a:xfrm>
          <a:prstGeom prst="rect">
            <a:avLst/>
          </a:prstGeom>
          <a:noFill/>
        </p:spPr>
        <p:txBody>
          <a:bodyPr wrap="square" rtlCol="0">
            <a:spAutoFit/>
          </a:bodyPr>
          <a:lstStyle/>
          <a:p>
            <a:pPr marL="171450" indent="-171450">
              <a:buFont typeface="Arial" panose="020B0604020202020204" pitchFamily="34" charset="0"/>
              <a:buChar char="•"/>
            </a:pPr>
            <a:r>
              <a:rPr lang="en-GB" sz="800" i="1"/>
              <a:t>No agreement on one tool</a:t>
            </a:r>
          </a:p>
          <a:p>
            <a:pPr marL="171450" indent="-171450">
              <a:buFont typeface="Arial" panose="020B0604020202020204" pitchFamily="34" charset="0"/>
              <a:buChar char="•"/>
            </a:pPr>
            <a:r>
              <a:rPr lang="en-GB" sz="800" i="1"/>
              <a:t>Multiple software and tools in practice </a:t>
            </a:r>
          </a:p>
          <a:p>
            <a:pPr marL="171450" indent="-171450">
              <a:buFont typeface="Arial" panose="020B0604020202020204" pitchFamily="34" charset="0"/>
              <a:buChar char="•"/>
            </a:pPr>
            <a:r>
              <a:rPr lang="en-GB" sz="800" i="1"/>
              <a:t>Inefficient use of current tool </a:t>
            </a:r>
          </a:p>
          <a:p>
            <a:pPr marL="171450" indent="-171450">
              <a:buFont typeface="Arial" panose="020B0604020202020204" pitchFamily="34" charset="0"/>
              <a:buChar char="•"/>
            </a:pPr>
            <a:endParaRPr lang="en-DK" sz="800" i="1"/>
          </a:p>
        </p:txBody>
      </p:sp>
      <p:cxnSp>
        <p:nvCxnSpPr>
          <p:cNvPr id="73" name="Straight Connector 72">
            <a:extLst>
              <a:ext uri="{FF2B5EF4-FFF2-40B4-BE49-F238E27FC236}">
                <a16:creationId xmlns:a16="http://schemas.microsoft.com/office/drawing/2014/main" id="{3B721ED5-BC5C-DE4A-9152-E9028ABEF99E}"/>
              </a:ext>
            </a:extLst>
          </p:cNvPr>
          <p:cNvCxnSpPr>
            <a:cxnSpLocks/>
          </p:cNvCxnSpPr>
          <p:nvPr/>
        </p:nvCxnSpPr>
        <p:spPr>
          <a:xfrm>
            <a:off x="1057675" y="1828668"/>
            <a:ext cx="2889506"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
        <p:nvSpPr>
          <p:cNvPr id="74" name="TextBox 73">
            <a:extLst>
              <a:ext uri="{FF2B5EF4-FFF2-40B4-BE49-F238E27FC236}">
                <a16:creationId xmlns:a16="http://schemas.microsoft.com/office/drawing/2014/main" id="{94E0A9F2-A2B9-6945-A764-45C80F1E72A6}"/>
              </a:ext>
            </a:extLst>
          </p:cNvPr>
          <p:cNvSpPr txBox="1"/>
          <p:nvPr/>
        </p:nvSpPr>
        <p:spPr>
          <a:xfrm>
            <a:off x="1054437" y="1803738"/>
            <a:ext cx="1927354" cy="461665"/>
          </a:xfrm>
          <a:prstGeom prst="rect">
            <a:avLst/>
          </a:prstGeom>
          <a:noFill/>
        </p:spPr>
        <p:txBody>
          <a:bodyPr wrap="square" lIns="91440" tIns="45720" rIns="91440" bIns="45720" rtlCol="0" anchor="t">
            <a:spAutoFit/>
          </a:bodyPr>
          <a:lstStyle/>
          <a:p>
            <a:pPr marL="171450" indent="-171450">
              <a:buFont typeface="Arial" panose="020B0604020202020204" pitchFamily="34" charset="0"/>
              <a:buChar char="•"/>
            </a:pPr>
            <a:r>
              <a:rPr lang="en-GB" sz="800" i="1"/>
              <a:t>Unclear functional</a:t>
            </a:r>
            <a:r>
              <a:rPr lang="en-GB" sz="800" i="1">
                <a:ea typeface="+mn-lt"/>
                <a:cs typeface="+mn-lt"/>
              </a:rPr>
              <a:t>  </a:t>
            </a:r>
            <a:r>
              <a:rPr lang="en-GB" sz="800" i="1"/>
              <a:t>requirements</a:t>
            </a:r>
          </a:p>
          <a:p>
            <a:pPr marL="171450" indent="-171450">
              <a:buFont typeface="Arial" panose="020B0604020202020204" pitchFamily="34" charset="0"/>
              <a:buChar char="•"/>
            </a:pPr>
            <a:r>
              <a:rPr lang="en-GB" sz="800" i="1"/>
              <a:t>Lack of software knowledge</a:t>
            </a:r>
          </a:p>
          <a:p>
            <a:pPr marL="171450" indent="-171450">
              <a:buFont typeface="Arial" panose="020B0604020202020204" pitchFamily="34" charset="0"/>
              <a:buChar char="•"/>
            </a:pPr>
            <a:endParaRPr lang="en-GB" sz="800" i="1"/>
          </a:p>
        </p:txBody>
      </p:sp>
      <p:cxnSp>
        <p:nvCxnSpPr>
          <p:cNvPr id="76" name="Straight Connector 75">
            <a:extLst>
              <a:ext uri="{FF2B5EF4-FFF2-40B4-BE49-F238E27FC236}">
                <a16:creationId xmlns:a16="http://schemas.microsoft.com/office/drawing/2014/main" id="{6C378AFC-3C6C-6D4A-81BC-0A8D40C56045}"/>
              </a:ext>
            </a:extLst>
          </p:cNvPr>
          <p:cNvCxnSpPr>
            <a:cxnSpLocks/>
          </p:cNvCxnSpPr>
          <p:nvPr/>
        </p:nvCxnSpPr>
        <p:spPr>
          <a:xfrm>
            <a:off x="2645933" y="2632356"/>
            <a:ext cx="1908389"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80" name="Straight Connector 79">
            <a:extLst>
              <a:ext uri="{FF2B5EF4-FFF2-40B4-BE49-F238E27FC236}">
                <a16:creationId xmlns:a16="http://schemas.microsoft.com/office/drawing/2014/main" id="{9B1889F2-24A0-D64A-AE02-9D321964265E}"/>
              </a:ext>
            </a:extLst>
          </p:cNvPr>
          <p:cNvCxnSpPr>
            <a:cxnSpLocks/>
          </p:cNvCxnSpPr>
          <p:nvPr/>
        </p:nvCxnSpPr>
        <p:spPr>
          <a:xfrm>
            <a:off x="6892554" y="1835302"/>
            <a:ext cx="2680725"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
        <p:nvSpPr>
          <p:cNvPr id="81" name="TextBox 80">
            <a:extLst>
              <a:ext uri="{FF2B5EF4-FFF2-40B4-BE49-F238E27FC236}">
                <a16:creationId xmlns:a16="http://schemas.microsoft.com/office/drawing/2014/main" id="{CA3F1054-1EBC-0D4E-8146-56522D5F11A3}"/>
              </a:ext>
            </a:extLst>
          </p:cNvPr>
          <p:cNvSpPr txBox="1"/>
          <p:nvPr/>
        </p:nvSpPr>
        <p:spPr>
          <a:xfrm>
            <a:off x="7742065" y="1821313"/>
            <a:ext cx="1938791" cy="707886"/>
          </a:xfrm>
          <a:prstGeom prst="rect">
            <a:avLst/>
          </a:prstGeom>
          <a:noFill/>
        </p:spPr>
        <p:txBody>
          <a:bodyPr wrap="square" lIns="91440" tIns="45720" rIns="91440" bIns="45720" rtlCol="0" anchor="t">
            <a:spAutoFit/>
          </a:bodyPr>
          <a:lstStyle/>
          <a:p>
            <a:pPr marL="171450" indent="-171450">
              <a:buFont typeface="Arial" panose="020B0604020202020204" pitchFamily="34" charset="0"/>
              <a:buChar char="•"/>
            </a:pPr>
            <a:r>
              <a:rPr lang="en-GB" sz="800" i="1"/>
              <a:t>Lack of communication across disciplines</a:t>
            </a:r>
          </a:p>
          <a:p>
            <a:pPr marL="171450" indent="-171450">
              <a:buFont typeface="Arial" panose="020B0604020202020204" pitchFamily="34" charset="0"/>
              <a:buChar char="•"/>
            </a:pPr>
            <a:r>
              <a:rPr lang="en-GB" sz="800" i="1"/>
              <a:t>Unclear role definition incl. overlap in deliverable responsibility</a:t>
            </a:r>
          </a:p>
          <a:p>
            <a:pPr marL="171450" indent="-171450" algn="just">
              <a:buFont typeface="Arial" panose="020B0604020202020204" pitchFamily="34" charset="0"/>
              <a:buChar char="•"/>
            </a:pPr>
            <a:r>
              <a:rPr lang="en-GB" sz="800" i="1"/>
              <a:t>Lack of holistic approach to workflow </a:t>
            </a:r>
          </a:p>
        </p:txBody>
      </p:sp>
      <p:cxnSp>
        <p:nvCxnSpPr>
          <p:cNvPr id="84" name="Straight Connector 83">
            <a:extLst>
              <a:ext uri="{FF2B5EF4-FFF2-40B4-BE49-F238E27FC236}">
                <a16:creationId xmlns:a16="http://schemas.microsoft.com/office/drawing/2014/main" id="{56FFEDCC-9F70-8D46-874E-23F1F5820090}"/>
              </a:ext>
            </a:extLst>
          </p:cNvPr>
          <p:cNvCxnSpPr>
            <a:cxnSpLocks/>
          </p:cNvCxnSpPr>
          <p:nvPr/>
        </p:nvCxnSpPr>
        <p:spPr>
          <a:xfrm>
            <a:off x="1788584" y="3868589"/>
            <a:ext cx="1858432"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
        <p:nvSpPr>
          <p:cNvPr id="97" name="TextBox 96">
            <a:extLst>
              <a:ext uri="{FF2B5EF4-FFF2-40B4-BE49-F238E27FC236}">
                <a16:creationId xmlns:a16="http://schemas.microsoft.com/office/drawing/2014/main" id="{64B2F49B-465F-124C-9D34-A5915D8F72B7}"/>
              </a:ext>
            </a:extLst>
          </p:cNvPr>
          <p:cNvSpPr txBox="1"/>
          <p:nvPr/>
        </p:nvSpPr>
        <p:spPr>
          <a:xfrm>
            <a:off x="1748793" y="3911330"/>
            <a:ext cx="1512191" cy="707886"/>
          </a:xfrm>
          <a:prstGeom prst="rect">
            <a:avLst/>
          </a:prstGeom>
          <a:noFill/>
        </p:spPr>
        <p:txBody>
          <a:bodyPr wrap="square" lIns="91440" tIns="45720" rIns="91440" bIns="45720" rtlCol="0" anchor="t">
            <a:spAutoFit/>
          </a:bodyPr>
          <a:lstStyle/>
          <a:p>
            <a:pPr marL="171450" indent="-171450">
              <a:buFont typeface="Arial" panose="020B0604020202020204" pitchFamily="34" charset="0"/>
              <a:buChar char="•"/>
            </a:pPr>
            <a:r>
              <a:rPr lang="en-DK" sz="800" i="1"/>
              <a:t>No specific tender mgt. workforce</a:t>
            </a:r>
          </a:p>
          <a:p>
            <a:pPr marL="171450" indent="-171450">
              <a:buFont typeface="Arial" panose="020B0604020202020204" pitchFamily="34" charset="0"/>
              <a:buChar char="•"/>
            </a:pPr>
            <a:r>
              <a:rPr lang="en-DK" sz="800" i="1"/>
              <a:t>Understaffed</a:t>
            </a:r>
          </a:p>
          <a:p>
            <a:pPr marL="171450" indent="-171450">
              <a:buFont typeface="Arial,Sans-Serif" panose="020B0604020202020204" pitchFamily="34" charset="0"/>
              <a:buChar char="•"/>
            </a:pPr>
            <a:r>
              <a:rPr lang="en-GB" sz="800" i="1">
                <a:ea typeface="+mn-lt"/>
                <a:cs typeface="+mn-lt"/>
              </a:rPr>
              <a:t>Lack of skilled resources</a:t>
            </a:r>
            <a:endParaRPr lang="en-US" sz="800">
              <a:ea typeface="+mn-lt"/>
              <a:cs typeface="+mn-lt"/>
            </a:endParaRPr>
          </a:p>
          <a:p>
            <a:pPr marL="171450" indent="-171450">
              <a:buFont typeface="Arial,Sans-Serif" panose="020B0604020202020204" pitchFamily="34" charset="0"/>
              <a:buChar char="•"/>
            </a:pPr>
            <a:r>
              <a:rPr lang="en-GB" sz="800" i="1">
                <a:ea typeface="+mn-lt"/>
                <a:cs typeface="+mn-lt"/>
              </a:rPr>
              <a:t>Lack of software training </a:t>
            </a:r>
            <a:endParaRPr lang="en-DK"/>
          </a:p>
        </p:txBody>
      </p:sp>
    </p:spTree>
    <p:custDataLst>
      <p:tags r:id="rId1"/>
    </p:custDataLst>
    <p:extLst>
      <p:ext uri="{BB962C8B-B14F-4D97-AF65-F5344CB8AC3E}">
        <p14:creationId xmlns:p14="http://schemas.microsoft.com/office/powerpoint/2010/main" val="414480598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8DE298EE-0638-410D-8EE9-15CF00298CCA}"/>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A204BC-C5BA-4EF4-ABC8-D45123A0C528}" type="slidenum">
              <a:rPr kumimoji="0" lang="en-GB" sz="1000" b="0" i="0" u="none" strike="noStrike" kern="1200" cap="none" spc="0" normalizeH="0" baseline="0" noProof="0" smtClean="0">
                <a:ln>
                  <a:noFill/>
                </a:ln>
                <a:solidFill>
                  <a:prstClr val="black"/>
                </a:solidFill>
                <a:effectLst/>
                <a:uLnTx/>
                <a:uFillTx/>
                <a:latin typeface="Maersk Text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2</a:t>
            </a:fld>
            <a:endParaRPr kumimoji="0" lang="en-GB" sz="1000" b="0" i="0" u="none" strike="noStrike" kern="1200" cap="none" spc="0" normalizeH="0" baseline="0" noProof="0">
              <a:ln>
                <a:noFill/>
              </a:ln>
              <a:solidFill>
                <a:prstClr val="black"/>
              </a:solidFill>
              <a:effectLst/>
              <a:uLnTx/>
              <a:uFillTx/>
              <a:latin typeface="Maersk Text Office"/>
              <a:ea typeface="+mn-ea"/>
              <a:cs typeface="+mn-cs"/>
            </a:endParaRPr>
          </a:p>
        </p:txBody>
      </p:sp>
      <p:sp>
        <p:nvSpPr>
          <p:cNvPr id="3" name="Title 2">
            <a:extLst>
              <a:ext uri="{FF2B5EF4-FFF2-40B4-BE49-F238E27FC236}">
                <a16:creationId xmlns:a16="http://schemas.microsoft.com/office/drawing/2014/main" id="{86F37277-9C42-4BD1-927E-7F1962FB1120}"/>
              </a:ext>
            </a:extLst>
          </p:cNvPr>
          <p:cNvSpPr>
            <a:spLocks noGrp="1"/>
          </p:cNvSpPr>
          <p:nvPr>
            <p:ph type="title"/>
          </p:nvPr>
        </p:nvSpPr>
        <p:spPr/>
        <p:txBody>
          <a:bodyPr/>
          <a:lstStyle/>
          <a:p>
            <a:r>
              <a:rPr lang="en-US"/>
              <a:t>Fishbone diagram - People</a:t>
            </a:r>
          </a:p>
        </p:txBody>
      </p:sp>
      <p:pic>
        <p:nvPicPr>
          <p:cNvPr id="7" name="Picture 6" descr="A picture containing logo&#10;&#10;Description automatically generated">
            <a:extLst>
              <a:ext uri="{FF2B5EF4-FFF2-40B4-BE49-F238E27FC236}">
                <a16:creationId xmlns:a16="http://schemas.microsoft.com/office/drawing/2014/main" id="{FA0E68C2-5375-864A-8051-A99B4AEBA7D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109833" y="179654"/>
            <a:ext cx="896977" cy="896977"/>
          </a:xfrm>
          <a:prstGeom prst="rect">
            <a:avLst/>
          </a:prstGeom>
        </p:spPr>
      </p:pic>
      <p:grpSp>
        <p:nvGrpSpPr>
          <p:cNvPr id="31" name="Group 30">
            <a:extLst>
              <a:ext uri="{FF2B5EF4-FFF2-40B4-BE49-F238E27FC236}">
                <a16:creationId xmlns:a16="http://schemas.microsoft.com/office/drawing/2014/main" id="{56E1464D-6A3F-4E5B-B68E-C47D5BD49DDA}"/>
              </a:ext>
            </a:extLst>
          </p:cNvPr>
          <p:cNvGrpSpPr/>
          <p:nvPr/>
        </p:nvGrpSpPr>
        <p:grpSpPr>
          <a:xfrm>
            <a:off x="1754982" y="1649615"/>
            <a:ext cx="9354853" cy="3874881"/>
            <a:chOff x="4584700" y="1160109"/>
            <a:chExt cx="6973621" cy="2545536"/>
          </a:xfrm>
        </p:grpSpPr>
        <p:sp>
          <p:nvSpPr>
            <p:cNvPr id="5" name="TextBox 4">
              <a:extLst>
                <a:ext uri="{FF2B5EF4-FFF2-40B4-BE49-F238E27FC236}">
                  <a16:creationId xmlns:a16="http://schemas.microsoft.com/office/drawing/2014/main" id="{4B17F9AD-FC19-460C-B6A6-4D9549AF3E20}"/>
                </a:ext>
              </a:extLst>
            </p:cNvPr>
            <p:cNvSpPr txBox="1"/>
            <p:nvPr/>
          </p:nvSpPr>
          <p:spPr>
            <a:xfrm>
              <a:off x="5080150" y="1744333"/>
              <a:ext cx="1323702" cy="212297"/>
            </a:xfrm>
            <a:prstGeom prst="rect">
              <a:avLst/>
            </a:prstGeom>
            <a:noFill/>
          </p:spPr>
          <p:txBody>
            <a:bodyPr wrap="square" rtlCol="0">
              <a:spAutoFit/>
            </a:bodyPr>
            <a:lstStyle/>
            <a:p>
              <a:r>
                <a:rPr lang="en-GB" sz="1500"/>
                <a:t>Poor management</a:t>
              </a:r>
            </a:p>
          </p:txBody>
        </p:sp>
        <p:sp>
          <p:nvSpPr>
            <p:cNvPr id="6" name="TextBox 5">
              <a:extLst>
                <a:ext uri="{FF2B5EF4-FFF2-40B4-BE49-F238E27FC236}">
                  <a16:creationId xmlns:a16="http://schemas.microsoft.com/office/drawing/2014/main" id="{AE276298-70A4-4211-B429-9447121CE07D}"/>
                </a:ext>
              </a:extLst>
            </p:cNvPr>
            <p:cNvSpPr txBox="1"/>
            <p:nvPr/>
          </p:nvSpPr>
          <p:spPr>
            <a:xfrm>
              <a:off x="5080150" y="1985486"/>
              <a:ext cx="1312811" cy="839082"/>
            </a:xfrm>
            <a:prstGeom prst="rect">
              <a:avLst/>
            </a:prstGeom>
            <a:noFill/>
          </p:spPr>
          <p:txBody>
            <a:bodyPr wrap="square" lIns="91440" tIns="45720" rIns="91440" bIns="45720" rtlCol="0" anchor="t">
              <a:spAutoFit/>
            </a:bodyPr>
            <a:lstStyle/>
            <a:p>
              <a:pPr marL="171450" indent="-171450">
                <a:buFont typeface="Arial,Sans-Serif" panose="020B0604020202020204" pitchFamily="34" charset="0"/>
                <a:buChar char="•"/>
              </a:pPr>
              <a:r>
                <a:rPr lang="en-GB" sz="1100" i="1">
                  <a:ea typeface="+mn-lt"/>
                  <a:cs typeface="+mn-lt"/>
                </a:rPr>
                <a:t>Bad prioritising </a:t>
              </a:r>
              <a:endParaRPr lang="en-US" sz="1100">
                <a:ea typeface="+mn-lt"/>
                <a:cs typeface="+mn-lt"/>
              </a:endParaRPr>
            </a:p>
            <a:p>
              <a:pPr marL="171450" indent="-171450">
                <a:buFont typeface="Arial,Sans-Serif" panose="020B0604020202020204" pitchFamily="34" charset="0"/>
                <a:buChar char="•"/>
              </a:pPr>
              <a:r>
                <a:rPr lang="en-GB" sz="1100" i="1">
                  <a:ea typeface="+mn-lt"/>
                  <a:cs typeface="+mn-lt"/>
                </a:rPr>
                <a:t>Multiple leadership for single task</a:t>
              </a:r>
              <a:endParaRPr lang="en-US" sz="1100">
                <a:ea typeface="+mn-lt"/>
                <a:cs typeface="+mn-lt"/>
              </a:endParaRPr>
            </a:p>
            <a:p>
              <a:pPr marL="171450" indent="-171450">
                <a:buFont typeface="Arial,Sans-Serif" panose="020B0604020202020204" pitchFamily="34" charset="0"/>
                <a:buChar char="•"/>
              </a:pPr>
              <a:r>
                <a:rPr lang="en-GB" sz="1100" i="1">
                  <a:ea typeface="+mn-lt"/>
                  <a:cs typeface="+mn-lt"/>
                </a:rPr>
                <a:t>Overloaded with work</a:t>
              </a:r>
              <a:endParaRPr lang="en-US" sz="1100">
                <a:ea typeface="+mn-lt"/>
                <a:cs typeface="+mn-lt"/>
              </a:endParaRPr>
            </a:p>
            <a:p>
              <a:pPr marL="171450" indent="-171450">
                <a:buFont typeface="Arial,Sans-Serif" panose="020B0604020202020204" pitchFamily="34" charset="0"/>
                <a:buChar char="•"/>
              </a:pPr>
              <a:r>
                <a:rPr lang="en-GB" sz="1100" i="1">
                  <a:ea typeface="+mn-lt"/>
                  <a:cs typeface="+mn-lt"/>
                </a:rPr>
                <a:t>End to End monitoring  </a:t>
              </a:r>
              <a:endParaRPr lang="en-US" sz="1100">
                <a:ea typeface="+mn-lt"/>
                <a:cs typeface="+mn-lt"/>
              </a:endParaRPr>
            </a:p>
            <a:p>
              <a:pPr marL="171450" indent="-171450">
                <a:buFont typeface="Arial,Sans-Serif" panose="020B0604020202020204" pitchFamily="34" charset="0"/>
                <a:buChar char="•"/>
              </a:pPr>
              <a:r>
                <a:rPr lang="en-GB" sz="1100" i="1">
                  <a:ea typeface="+mn-lt"/>
                  <a:cs typeface="+mn-lt"/>
                </a:rPr>
                <a:t>Lack of alignment</a:t>
              </a:r>
              <a:endParaRPr lang="en-US" sz="1100">
                <a:ea typeface="+mn-lt"/>
                <a:cs typeface="+mn-lt"/>
              </a:endParaRPr>
            </a:p>
            <a:p>
              <a:pPr marL="171450" indent="-171450">
                <a:buFont typeface="Arial,Sans-Serif" panose="020B0604020202020204" pitchFamily="34" charset="0"/>
                <a:buChar char="•"/>
              </a:pPr>
              <a:endParaRPr lang="en-GB" sz="1100">
                <a:ea typeface="+mn-lt"/>
                <a:cs typeface="+mn-lt"/>
              </a:endParaRPr>
            </a:p>
          </p:txBody>
        </p:sp>
        <p:sp>
          <p:nvSpPr>
            <p:cNvPr id="8" name="Rectangle 7">
              <a:extLst>
                <a:ext uri="{FF2B5EF4-FFF2-40B4-BE49-F238E27FC236}">
                  <a16:creationId xmlns:a16="http://schemas.microsoft.com/office/drawing/2014/main" id="{989A579D-5181-4E3B-ACFF-ACA6940A888A}"/>
                </a:ext>
              </a:extLst>
            </p:cNvPr>
            <p:cNvSpPr/>
            <p:nvPr/>
          </p:nvSpPr>
          <p:spPr>
            <a:xfrm>
              <a:off x="9388145" y="2974125"/>
              <a:ext cx="2170176" cy="731520"/>
            </a:xfrm>
            <a:prstGeom prst="rect">
              <a:avLst/>
            </a:prstGeom>
            <a:ln/>
          </p:spPr>
          <p:style>
            <a:lnRef idx="1">
              <a:schemeClr val="accent1"/>
            </a:lnRef>
            <a:fillRef idx="3">
              <a:schemeClr val="accent1"/>
            </a:fillRef>
            <a:effectRef idx="2">
              <a:schemeClr val="accent1"/>
            </a:effectRef>
            <a:fontRef idx="minor">
              <a:schemeClr val="lt1"/>
            </a:fontRef>
          </p:style>
          <p:txBody>
            <a:bodyPr lIns="237600" tIns="237600" rIns="237600" bIns="237600" rtlCol="0" anchor="ctr"/>
            <a:lstStyle/>
            <a:p>
              <a:pPr algn="ctr"/>
              <a:r>
                <a:rPr lang="en-GB" sz="1400"/>
                <a:t>Unsatisfying t</a:t>
              </a:r>
              <a:r>
                <a:rPr lang="en-GB" sz="1400" noProof="0"/>
                <a:t>ender process</a:t>
              </a:r>
            </a:p>
          </p:txBody>
        </p:sp>
        <p:cxnSp>
          <p:nvCxnSpPr>
            <p:cNvPr id="9" name="Straight Connector 8">
              <a:extLst>
                <a:ext uri="{FF2B5EF4-FFF2-40B4-BE49-F238E27FC236}">
                  <a16:creationId xmlns:a16="http://schemas.microsoft.com/office/drawing/2014/main" id="{84E778CF-D0D3-4058-94F4-697E933BDC51}"/>
                </a:ext>
              </a:extLst>
            </p:cNvPr>
            <p:cNvCxnSpPr>
              <a:cxnSpLocks/>
            </p:cNvCxnSpPr>
            <p:nvPr/>
          </p:nvCxnSpPr>
          <p:spPr>
            <a:xfrm>
              <a:off x="4584700" y="3339885"/>
              <a:ext cx="4803445" cy="0"/>
            </a:xfrm>
            <a:prstGeom prst="line">
              <a:avLst/>
            </a:prstGeom>
            <a:ln w="381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B7E2E8F8-58D4-44E9-B682-0619AB022432}"/>
                </a:ext>
              </a:extLst>
            </p:cNvPr>
            <p:cNvCxnSpPr>
              <a:cxnSpLocks/>
            </p:cNvCxnSpPr>
            <p:nvPr/>
          </p:nvCxnSpPr>
          <p:spPr>
            <a:xfrm>
              <a:off x="6662694" y="1525869"/>
              <a:ext cx="1372082" cy="1814016"/>
            </a:xfrm>
            <a:prstGeom prst="line">
              <a:avLst/>
            </a:prstGeom>
            <a:ln w="25400">
              <a:solidFill>
                <a:schemeClr val="accent1"/>
              </a:solidFill>
            </a:ln>
          </p:spPr>
          <p:style>
            <a:lnRef idx="1">
              <a:schemeClr val="accent1"/>
            </a:lnRef>
            <a:fillRef idx="0">
              <a:schemeClr val="accent1"/>
            </a:fillRef>
            <a:effectRef idx="0">
              <a:schemeClr val="accent1"/>
            </a:effectRef>
            <a:fontRef idx="minor">
              <a:schemeClr val="tx1"/>
            </a:fontRef>
          </p:style>
        </p:cxnSp>
        <p:sp>
          <p:nvSpPr>
            <p:cNvPr id="11" name="Rectangle 10">
              <a:extLst>
                <a:ext uri="{FF2B5EF4-FFF2-40B4-BE49-F238E27FC236}">
                  <a16:creationId xmlns:a16="http://schemas.microsoft.com/office/drawing/2014/main" id="{53C66A85-BDCF-4D3F-A2CF-9F67C5A0FB0A}"/>
                </a:ext>
              </a:extLst>
            </p:cNvPr>
            <p:cNvSpPr/>
            <p:nvPr/>
          </p:nvSpPr>
          <p:spPr>
            <a:xfrm>
              <a:off x="5877001" y="1160109"/>
              <a:ext cx="1085088" cy="365760"/>
            </a:xfrm>
            <a:prstGeom prst="rect">
              <a:avLst/>
            </a:prstGeom>
            <a:ln/>
          </p:spPr>
          <p:style>
            <a:lnRef idx="1">
              <a:schemeClr val="accent1"/>
            </a:lnRef>
            <a:fillRef idx="3">
              <a:schemeClr val="accent1"/>
            </a:fillRef>
            <a:effectRef idx="2">
              <a:schemeClr val="accent1"/>
            </a:effectRef>
            <a:fontRef idx="minor">
              <a:schemeClr val="lt1"/>
            </a:fontRef>
          </p:style>
          <p:txBody>
            <a:bodyPr lIns="237600" tIns="237600" rIns="237600" bIns="237600" rtlCol="0" anchor="ctr"/>
            <a:lstStyle/>
            <a:p>
              <a:pPr algn="ctr"/>
              <a:r>
                <a:rPr lang="en-GB" sz="1200"/>
                <a:t>People</a:t>
              </a:r>
              <a:endParaRPr lang="en-GB" sz="1200" noProof="0" err="1"/>
            </a:p>
          </p:txBody>
        </p:sp>
        <p:sp>
          <p:nvSpPr>
            <p:cNvPr id="15" name="TextBox 14">
              <a:extLst>
                <a:ext uri="{FF2B5EF4-FFF2-40B4-BE49-F238E27FC236}">
                  <a16:creationId xmlns:a16="http://schemas.microsoft.com/office/drawing/2014/main" id="{B003A60C-BE94-43E7-9886-85230826FB29}"/>
                </a:ext>
              </a:extLst>
            </p:cNvPr>
            <p:cNvSpPr txBox="1"/>
            <p:nvPr/>
          </p:nvSpPr>
          <p:spPr>
            <a:xfrm>
              <a:off x="7650418" y="1468905"/>
              <a:ext cx="1922861" cy="363939"/>
            </a:xfrm>
            <a:prstGeom prst="rect">
              <a:avLst/>
            </a:prstGeom>
            <a:noFill/>
          </p:spPr>
          <p:txBody>
            <a:bodyPr wrap="square" rtlCol="0">
              <a:spAutoFit/>
            </a:bodyPr>
            <a:lstStyle/>
            <a:p>
              <a:pPr algn="r"/>
              <a:r>
                <a:rPr lang="en-GB" sz="1500"/>
                <a:t>Uncoherent organisational structure </a:t>
              </a:r>
            </a:p>
          </p:txBody>
        </p:sp>
        <p:cxnSp>
          <p:nvCxnSpPr>
            <p:cNvPr id="16" name="Straight Connector 15">
              <a:extLst>
                <a:ext uri="{FF2B5EF4-FFF2-40B4-BE49-F238E27FC236}">
                  <a16:creationId xmlns:a16="http://schemas.microsoft.com/office/drawing/2014/main" id="{28605012-C13B-4C4F-AA8D-BD150C49EE2C}"/>
                </a:ext>
              </a:extLst>
            </p:cNvPr>
            <p:cNvCxnSpPr>
              <a:cxnSpLocks/>
            </p:cNvCxnSpPr>
            <p:nvPr/>
          </p:nvCxnSpPr>
          <p:spPr>
            <a:xfrm>
              <a:off x="5143067" y="1985486"/>
              <a:ext cx="1866913"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0DC23185-82B8-4637-9BA1-2FA6FF04779A}"/>
                </a:ext>
              </a:extLst>
            </p:cNvPr>
            <p:cNvCxnSpPr>
              <a:cxnSpLocks/>
            </p:cNvCxnSpPr>
            <p:nvPr/>
          </p:nvCxnSpPr>
          <p:spPr>
            <a:xfrm>
              <a:off x="6892554" y="1835302"/>
              <a:ext cx="2680725"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
          <p:nvSpPr>
            <p:cNvPr id="26" name="TextBox 25">
              <a:extLst>
                <a:ext uri="{FF2B5EF4-FFF2-40B4-BE49-F238E27FC236}">
                  <a16:creationId xmlns:a16="http://schemas.microsoft.com/office/drawing/2014/main" id="{F2C345BC-0ED0-48A4-8CF1-7E9EC8CC2551}"/>
                </a:ext>
              </a:extLst>
            </p:cNvPr>
            <p:cNvSpPr txBox="1"/>
            <p:nvPr/>
          </p:nvSpPr>
          <p:spPr>
            <a:xfrm>
              <a:off x="7742065" y="1821313"/>
              <a:ext cx="1938791" cy="616675"/>
            </a:xfrm>
            <a:prstGeom prst="rect">
              <a:avLst/>
            </a:prstGeom>
            <a:noFill/>
          </p:spPr>
          <p:txBody>
            <a:bodyPr wrap="square" lIns="91440" tIns="45720" rIns="91440" bIns="45720" rtlCol="0" anchor="t">
              <a:spAutoFit/>
            </a:bodyPr>
            <a:lstStyle/>
            <a:p>
              <a:pPr marL="171450" indent="-171450">
                <a:buFont typeface="Arial" panose="020B0604020202020204" pitchFamily="34" charset="0"/>
                <a:buChar char="•"/>
              </a:pPr>
              <a:r>
                <a:rPr lang="en-GB" sz="1100" i="1"/>
                <a:t>Lack of communication across disciplines</a:t>
              </a:r>
            </a:p>
            <a:p>
              <a:pPr marL="171450" indent="-171450">
                <a:buFont typeface="Arial" panose="020B0604020202020204" pitchFamily="34" charset="0"/>
                <a:buChar char="•"/>
              </a:pPr>
              <a:r>
                <a:rPr lang="en-GB" sz="1100" i="1"/>
                <a:t>Unclear role definition incl. overlap in deliverable responsibility</a:t>
              </a:r>
            </a:p>
            <a:p>
              <a:pPr marL="171450" indent="-171450" algn="just">
                <a:buFont typeface="Arial" panose="020B0604020202020204" pitchFamily="34" charset="0"/>
                <a:buChar char="•"/>
              </a:pPr>
              <a:r>
                <a:rPr lang="en-GB" sz="1100" i="1"/>
                <a:t>Lack of holistic approach to workflow </a:t>
              </a:r>
            </a:p>
          </p:txBody>
        </p:sp>
      </p:grpSp>
    </p:spTree>
    <p:custDataLst>
      <p:tags r:id="rId1"/>
    </p:custDataLst>
    <p:extLst>
      <p:ext uri="{BB962C8B-B14F-4D97-AF65-F5344CB8AC3E}">
        <p14:creationId xmlns:p14="http://schemas.microsoft.com/office/powerpoint/2010/main" val="304184881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8DE298EE-0638-410D-8EE9-15CF00298CCA}"/>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A204BC-C5BA-4EF4-ABC8-D45123A0C528}" type="slidenum">
              <a:rPr kumimoji="0" lang="en-GB" sz="1000" b="0" i="0" u="none" strike="noStrike" kern="1200" cap="none" spc="0" normalizeH="0" baseline="0" noProof="0" smtClean="0">
                <a:ln>
                  <a:noFill/>
                </a:ln>
                <a:solidFill>
                  <a:prstClr val="black"/>
                </a:solidFill>
                <a:effectLst/>
                <a:uLnTx/>
                <a:uFillTx/>
                <a:latin typeface="Maersk Text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3</a:t>
            </a:fld>
            <a:endParaRPr kumimoji="0" lang="en-GB" sz="1000" b="0" i="0" u="none" strike="noStrike" kern="1200" cap="none" spc="0" normalizeH="0" baseline="0" noProof="0">
              <a:ln>
                <a:noFill/>
              </a:ln>
              <a:solidFill>
                <a:prstClr val="black"/>
              </a:solidFill>
              <a:effectLst/>
              <a:uLnTx/>
              <a:uFillTx/>
              <a:latin typeface="Maersk Text Office"/>
              <a:ea typeface="+mn-ea"/>
              <a:cs typeface="+mn-cs"/>
            </a:endParaRPr>
          </a:p>
        </p:txBody>
      </p:sp>
      <p:sp>
        <p:nvSpPr>
          <p:cNvPr id="3" name="Title 2">
            <a:extLst>
              <a:ext uri="{FF2B5EF4-FFF2-40B4-BE49-F238E27FC236}">
                <a16:creationId xmlns:a16="http://schemas.microsoft.com/office/drawing/2014/main" id="{86F37277-9C42-4BD1-927E-7F1962FB1120}"/>
              </a:ext>
            </a:extLst>
          </p:cNvPr>
          <p:cNvSpPr>
            <a:spLocks noGrp="1"/>
          </p:cNvSpPr>
          <p:nvPr>
            <p:ph type="title"/>
          </p:nvPr>
        </p:nvSpPr>
        <p:spPr/>
        <p:txBody>
          <a:bodyPr/>
          <a:lstStyle/>
          <a:p>
            <a:r>
              <a:rPr lang="en-US"/>
              <a:t>Fishbone diagram - Tools</a:t>
            </a:r>
          </a:p>
        </p:txBody>
      </p:sp>
      <p:pic>
        <p:nvPicPr>
          <p:cNvPr id="7" name="Picture 6" descr="A picture containing logo&#10;&#10;Description automatically generated">
            <a:extLst>
              <a:ext uri="{FF2B5EF4-FFF2-40B4-BE49-F238E27FC236}">
                <a16:creationId xmlns:a16="http://schemas.microsoft.com/office/drawing/2014/main" id="{FA0E68C2-5375-864A-8051-A99B4AEBA7D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109833" y="179654"/>
            <a:ext cx="896977" cy="896977"/>
          </a:xfrm>
          <a:prstGeom prst="rect">
            <a:avLst/>
          </a:prstGeom>
        </p:spPr>
      </p:pic>
      <p:grpSp>
        <p:nvGrpSpPr>
          <p:cNvPr id="31" name="Group 30">
            <a:extLst>
              <a:ext uri="{FF2B5EF4-FFF2-40B4-BE49-F238E27FC236}">
                <a16:creationId xmlns:a16="http://schemas.microsoft.com/office/drawing/2014/main" id="{C49138BD-ABE2-400D-82CF-49F419C6E288}"/>
              </a:ext>
            </a:extLst>
          </p:cNvPr>
          <p:cNvGrpSpPr/>
          <p:nvPr/>
        </p:nvGrpSpPr>
        <p:grpSpPr>
          <a:xfrm>
            <a:off x="1558334" y="1624387"/>
            <a:ext cx="9909764" cy="3609226"/>
            <a:chOff x="1296796" y="2029574"/>
            <a:chExt cx="8175880" cy="2542277"/>
          </a:xfrm>
        </p:grpSpPr>
        <p:sp>
          <p:nvSpPr>
            <p:cNvPr id="8" name="Rectangle 7">
              <a:extLst>
                <a:ext uri="{FF2B5EF4-FFF2-40B4-BE49-F238E27FC236}">
                  <a16:creationId xmlns:a16="http://schemas.microsoft.com/office/drawing/2014/main" id="{0566FC97-5F27-4CE2-BC66-8BB61541E2C2}"/>
                </a:ext>
              </a:extLst>
            </p:cNvPr>
            <p:cNvSpPr/>
            <p:nvPr/>
          </p:nvSpPr>
          <p:spPr>
            <a:xfrm>
              <a:off x="7302500" y="3840331"/>
              <a:ext cx="2170176" cy="731520"/>
            </a:xfrm>
            <a:prstGeom prst="rect">
              <a:avLst/>
            </a:prstGeom>
            <a:ln/>
          </p:spPr>
          <p:style>
            <a:lnRef idx="1">
              <a:schemeClr val="accent1"/>
            </a:lnRef>
            <a:fillRef idx="3">
              <a:schemeClr val="accent1"/>
            </a:fillRef>
            <a:effectRef idx="2">
              <a:schemeClr val="accent1"/>
            </a:effectRef>
            <a:fontRef idx="minor">
              <a:schemeClr val="lt1"/>
            </a:fontRef>
          </p:style>
          <p:txBody>
            <a:bodyPr lIns="237600" tIns="237600" rIns="237600" bIns="237600" rtlCol="0" anchor="ctr"/>
            <a:lstStyle/>
            <a:p>
              <a:pPr algn="ctr"/>
              <a:r>
                <a:rPr lang="en-GB" sz="1400"/>
                <a:t>Unsatisfying t</a:t>
              </a:r>
              <a:r>
                <a:rPr lang="en-GB" sz="1400" noProof="0"/>
                <a:t>ender process</a:t>
              </a:r>
            </a:p>
          </p:txBody>
        </p:sp>
        <p:cxnSp>
          <p:nvCxnSpPr>
            <p:cNvPr id="9" name="Straight Connector 8">
              <a:extLst>
                <a:ext uri="{FF2B5EF4-FFF2-40B4-BE49-F238E27FC236}">
                  <a16:creationId xmlns:a16="http://schemas.microsoft.com/office/drawing/2014/main" id="{19CAAC26-C910-40CC-B607-445F2BA693A8}"/>
                </a:ext>
              </a:extLst>
            </p:cNvPr>
            <p:cNvCxnSpPr>
              <a:cxnSpLocks/>
            </p:cNvCxnSpPr>
            <p:nvPr/>
          </p:nvCxnSpPr>
          <p:spPr>
            <a:xfrm>
              <a:off x="1514929" y="4206091"/>
              <a:ext cx="5787571" cy="0"/>
            </a:xfrm>
            <a:prstGeom prst="line">
              <a:avLst/>
            </a:prstGeom>
            <a:ln w="381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109CA74B-71C6-40A4-A3D9-DF7011E803C3}"/>
                </a:ext>
              </a:extLst>
            </p:cNvPr>
            <p:cNvCxnSpPr>
              <a:cxnSpLocks/>
              <a:stCxn id="13" idx="2"/>
            </p:cNvCxnSpPr>
            <p:nvPr/>
          </p:nvCxnSpPr>
          <p:spPr>
            <a:xfrm>
              <a:off x="3766694" y="2395334"/>
              <a:ext cx="1423430" cy="1810757"/>
            </a:xfrm>
            <a:prstGeom prst="line">
              <a:avLst/>
            </a:prstGeom>
            <a:ln w="25400">
              <a:solidFill>
                <a:schemeClr val="accent1"/>
              </a:solidFill>
            </a:ln>
          </p:spPr>
          <p:style>
            <a:lnRef idx="1">
              <a:schemeClr val="accent1"/>
            </a:lnRef>
            <a:fillRef idx="0">
              <a:schemeClr val="accent1"/>
            </a:fillRef>
            <a:effectRef idx="0">
              <a:schemeClr val="accent1"/>
            </a:effectRef>
            <a:fontRef idx="minor">
              <a:schemeClr val="tx1"/>
            </a:fontRef>
          </p:style>
        </p:cxnSp>
        <p:sp>
          <p:nvSpPr>
            <p:cNvPr id="13" name="Rectangle 12">
              <a:extLst>
                <a:ext uri="{FF2B5EF4-FFF2-40B4-BE49-F238E27FC236}">
                  <a16:creationId xmlns:a16="http://schemas.microsoft.com/office/drawing/2014/main" id="{703409F5-EF68-4275-8B2C-6C510D4D198B}"/>
                </a:ext>
              </a:extLst>
            </p:cNvPr>
            <p:cNvSpPr/>
            <p:nvPr/>
          </p:nvSpPr>
          <p:spPr>
            <a:xfrm>
              <a:off x="3224150" y="2029574"/>
              <a:ext cx="1085088" cy="365760"/>
            </a:xfrm>
            <a:prstGeom prst="rect">
              <a:avLst/>
            </a:prstGeom>
            <a:ln/>
          </p:spPr>
          <p:style>
            <a:lnRef idx="1">
              <a:schemeClr val="accent1"/>
            </a:lnRef>
            <a:fillRef idx="3">
              <a:schemeClr val="accent1"/>
            </a:fillRef>
            <a:effectRef idx="2">
              <a:schemeClr val="accent1"/>
            </a:effectRef>
            <a:fontRef idx="minor">
              <a:schemeClr val="lt1"/>
            </a:fontRef>
          </p:style>
          <p:txBody>
            <a:bodyPr lIns="237600" tIns="237600" rIns="237600" bIns="237600" rtlCol="0" anchor="ctr"/>
            <a:lstStyle/>
            <a:p>
              <a:pPr algn="ctr"/>
              <a:r>
                <a:rPr lang="en-GB" sz="1200"/>
                <a:t>Tools</a:t>
              </a:r>
              <a:endParaRPr lang="en-GB" sz="1200" noProof="0" err="1"/>
            </a:p>
          </p:txBody>
        </p:sp>
        <p:sp>
          <p:nvSpPr>
            <p:cNvPr id="19" name="TextBox 18">
              <a:extLst>
                <a:ext uri="{FF2B5EF4-FFF2-40B4-BE49-F238E27FC236}">
                  <a16:creationId xmlns:a16="http://schemas.microsoft.com/office/drawing/2014/main" id="{0B6AE0F2-AE8E-4E97-8509-0BAA1054C8C5}"/>
                </a:ext>
              </a:extLst>
            </p:cNvPr>
            <p:cNvSpPr txBox="1"/>
            <p:nvPr/>
          </p:nvSpPr>
          <p:spPr>
            <a:xfrm>
              <a:off x="1342568" y="2466732"/>
              <a:ext cx="3150998" cy="227632"/>
            </a:xfrm>
            <a:prstGeom prst="rect">
              <a:avLst/>
            </a:prstGeom>
            <a:noFill/>
          </p:spPr>
          <p:txBody>
            <a:bodyPr wrap="square" rtlCol="0">
              <a:spAutoFit/>
            </a:bodyPr>
            <a:lstStyle/>
            <a:p>
              <a:r>
                <a:rPr lang="en-GB" sz="1500"/>
                <a:t>No Software</a:t>
              </a:r>
            </a:p>
          </p:txBody>
        </p:sp>
        <p:sp>
          <p:nvSpPr>
            <p:cNvPr id="20" name="TextBox 19">
              <a:extLst>
                <a:ext uri="{FF2B5EF4-FFF2-40B4-BE49-F238E27FC236}">
                  <a16:creationId xmlns:a16="http://schemas.microsoft.com/office/drawing/2014/main" id="{589E1187-2105-4C6D-8D62-D09E3A319DC3}"/>
                </a:ext>
              </a:extLst>
            </p:cNvPr>
            <p:cNvSpPr txBox="1"/>
            <p:nvPr/>
          </p:nvSpPr>
          <p:spPr>
            <a:xfrm>
              <a:off x="2834360" y="3281511"/>
              <a:ext cx="1544955" cy="227632"/>
            </a:xfrm>
            <a:prstGeom prst="rect">
              <a:avLst/>
            </a:prstGeom>
            <a:noFill/>
          </p:spPr>
          <p:txBody>
            <a:bodyPr wrap="square" rtlCol="0">
              <a:spAutoFit/>
            </a:bodyPr>
            <a:lstStyle/>
            <a:p>
              <a:r>
                <a:rPr lang="en-GB" sz="1500"/>
                <a:t>No enforced tool</a:t>
              </a:r>
            </a:p>
          </p:txBody>
        </p:sp>
        <p:sp>
          <p:nvSpPr>
            <p:cNvPr id="21" name="TextBox 20">
              <a:extLst>
                <a:ext uri="{FF2B5EF4-FFF2-40B4-BE49-F238E27FC236}">
                  <a16:creationId xmlns:a16="http://schemas.microsoft.com/office/drawing/2014/main" id="{51C56E71-3AED-45D4-A0F8-25B7188ECD12}"/>
                </a:ext>
              </a:extLst>
            </p:cNvPr>
            <p:cNvSpPr txBox="1"/>
            <p:nvPr/>
          </p:nvSpPr>
          <p:spPr>
            <a:xfrm>
              <a:off x="2857108" y="3540033"/>
              <a:ext cx="1927354" cy="661218"/>
            </a:xfrm>
            <a:prstGeom prst="rect">
              <a:avLst/>
            </a:prstGeom>
            <a:noFill/>
          </p:spPr>
          <p:txBody>
            <a:bodyPr wrap="square" rtlCol="0">
              <a:spAutoFit/>
            </a:bodyPr>
            <a:lstStyle/>
            <a:p>
              <a:pPr marL="171450" indent="-171450">
                <a:buFont typeface="Arial" panose="020B0604020202020204" pitchFamily="34" charset="0"/>
                <a:buChar char="•"/>
              </a:pPr>
              <a:r>
                <a:rPr lang="en-GB" sz="1100" i="1"/>
                <a:t>No agreement on one tool</a:t>
              </a:r>
            </a:p>
            <a:p>
              <a:pPr marL="171450" indent="-171450">
                <a:buFont typeface="Arial" panose="020B0604020202020204" pitchFamily="34" charset="0"/>
                <a:buChar char="•"/>
              </a:pPr>
              <a:r>
                <a:rPr lang="en-GB" sz="1100" i="1"/>
                <a:t>Multiple software and tools in practice </a:t>
              </a:r>
            </a:p>
            <a:p>
              <a:pPr marL="171450" indent="-171450">
                <a:buFont typeface="Arial" panose="020B0604020202020204" pitchFamily="34" charset="0"/>
                <a:buChar char="•"/>
              </a:pPr>
              <a:r>
                <a:rPr lang="en-GB" sz="1100" i="1"/>
                <a:t>Inefficient use of current tool </a:t>
              </a:r>
            </a:p>
            <a:p>
              <a:pPr marL="171450" indent="-171450">
                <a:buFont typeface="Arial" panose="020B0604020202020204" pitchFamily="34" charset="0"/>
                <a:buChar char="•"/>
              </a:pPr>
              <a:endParaRPr lang="en-DK" sz="1100" i="1"/>
            </a:p>
          </p:txBody>
        </p:sp>
        <p:cxnSp>
          <p:nvCxnSpPr>
            <p:cNvPr id="22" name="Straight Connector 21">
              <a:extLst>
                <a:ext uri="{FF2B5EF4-FFF2-40B4-BE49-F238E27FC236}">
                  <a16:creationId xmlns:a16="http://schemas.microsoft.com/office/drawing/2014/main" id="{1C8CF138-62BC-41FF-B572-DA7AD5727F37}"/>
                </a:ext>
              </a:extLst>
            </p:cNvPr>
            <p:cNvCxnSpPr>
              <a:cxnSpLocks/>
            </p:cNvCxnSpPr>
            <p:nvPr/>
          </p:nvCxnSpPr>
          <p:spPr>
            <a:xfrm>
              <a:off x="1324375" y="2694874"/>
              <a:ext cx="2680725"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
          <p:nvSpPr>
            <p:cNvPr id="23" name="TextBox 22">
              <a:extLst>
                <a:ext uri="{FF2B5EF4-FFF2-40B4-BE49-F238E27FC236}">
                  <a16:creationId xmlns:a16="http://schemas.microsoft.com/office/drawing/2014/main" id="{F6DF5E6A-30D2-41AF-AC18-8609D494A48C}"/>
                </a:ext>
              </a:extLst>
            </p:cNvPr>
            <p:cNvSpPr txBox="1"/>
            <p:nvPr/>
          </p:nvSpPr>
          <p:spPr>
            <a:xfrm>
              <a:off x="1296796" y="2739530"/>
              <a:ext cx="1927354" cy="422745"/>
            </a:xfrm>
            <a:prstGeom prst="rect">
              <a:avLst/>
            </a:prstGeom>
            <a:noFill/>
          </p:spPr>
          <p:txBody>
            <a:bodyPr wrap="square" lIns="91440" tIns="45720" rIns="91440" bIns="45720" rtlCol="0" anchor="t">
              <a:spAutoFit/>
            </a:bodyPr>
            <a:lstStyle/>
            <a:p>
              <a:pPr marL="171450" indent="-171450">
                <a:buFont typeface="Arial" panose="020B0604020202020204" pitchFamily="34" charset="0"/>
                <a:buChar char="•"/>
              </a:pPr>
              <a:r>
                <a:rPr lang="en-GB" sz="1100" i="1"/>
                <a:t>Unclear functional requirements</a:t>
              </a:r>
            </a:p>
            <a:p>
              <a:pPr marL="171450" indent="-171450">
                <a:buFont typeface="Arial" panose="020B0604020202020204" pitchFamily="34" charset="0"/>
                <a:buChar char="•"/>
              </a:pPr>
              <a:r>
                <a:rPr lang="en-GB" sz="1100" i="1"/>
                <a:t>Lack of software knowledge</a:t>
              </a:r>
            </a:p>
            <a:p>
              <a:pPr marL="171450" indent="-171450">
                <a:buFont typeface="Arial" panose="020B0604020202020204" pitchFamily="34" charset="0"/>
                <a:buChar char="•"/>
              </a:pPr>
              <a:endParaRPr lang="en-GB" sz="1100" i="1"/>
            </a:p>
          </p:txBody>
        </p:sp>
        <p:cxnSp>
          <p:nvCxnSpPr>
            <p:cNvPr id="24" name="Straight Connector 23">
              <a:extLst>
                <a:ext uri="{FF2B5EF4-FFF2-40B4-BE49-F238E27FC236}">
                  <a16:creationId xmlns:a16="http://schemas.microsoft.com/office/drawing/2014/main" id="{39C23AA6-48B3-4952-8641-2823B5654971}"/>
                </a:ext>
              </a:extLst>
            </p:cNvPr>
            <p:cNvCxnSpPr>
              <a:cxnSpLocks/>
            </p:cNvCxnSpPr>
            <p:nvPr/>
          </p:nvCxnSpPr>
          <p:spPr>
            <a:xfrm>
              <a:off x="2941374" y="3498562"/>
              <a:ext cx="1703063"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grpSp>
    </p:spTree>
    <p:custDataLst>
      <p:tags r:id="rId1"/>
    </p:custDataLst>
    <p:extLst>
      <p:ext uri="{BB962C8B-B14F-4D97-AF65-F5344CB8AC3E}">
        <p14:creationId xmlns:p14="http://schemas.microsoft.com/office/powerpoint/2010/main" val="206112015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8DE298EE-0638-410D-8EE9-15CF00298CCA}"/>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A204BC-C5BA-4EF4-ABC8-D45123A0C528}" type="slidenum">
              <a:rPr kumimoji="0" lang="en-GB" sz="1000" b="0" i="0" u="none" strike="noStrike" kern="1200" cap="none" spc="0" normalizeH="0" baseline="0" noProof="0" smtClean="0">
                <a:ln>
                  <a:noFill/>
                </a:ln>
                <a:solidFill>
                  <a:prstClr val="black"/>
                </a:solidFill>
                <a:effectLst/>
                <a:uLnTx/>
                <a:uFillTx/>
                <a:latin typeface="Maersk Text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4</a:t>
            </a:fld>
            <a:endParaRPr kumimoji="0" lang="en-GB" sz="1000" b="0" i="0" u="none" strike="noStrike" kern="1200" cap="none" spc="0" normalizeH="0" baseline="0" noProof="0">
              <a:ln>
                <a:noFill/>
              </a:ln>
              <a:solidFill>
                <a:prstClr val="black"/>
              </a:solidFill>
              <a:effectLst/>
              <a:uLnTx/>
              <a:uFillTx/>
              <a:latin typeface="Maersk Text Office"/>
              <a:ea typeface="+mn-ea"/>
              <a:cs typeface="+mn-cs"/>
            </a:endParaRPr>
          </a:p>
        </p:txBody>
      </p:sp>
      <p:sp>
        <p:nvSpPr>
          <p:cNvPr id="3" name="Title 2">
            <a:extLst>
              <a:ext uri="{FF2B5EF4-FFF2-40B4-BE49-F238E27FC236}">
                <a16:creationId xmlns:a16="http://schemas.microsoft.com/office/drawing/2014/main" id="{86F37277-9C42-4BD1-927E-7F1962FB1120}"/>
              </a:ext>
            </a:extLst>
          </p:cNvPr>
          <p:cNvSpPr>
            <a:spLocks noGrp="1"/>
          </p:cNvSpPr>
          <p:nvPr>
            <p:ph type="title"/>
          </p:nvPr>
        </p:nvSpPr>
        <p:spPr/>
        <p:txBody>
          <a:bodyPr/>
          <a:lstStyle/>
          <a:p>
            <a:r>
              <a:rPr lang="en-US"/>
              <a:t>Fishbone diagram - Governance</a:t>
            </a:r>
          </a:p>
        </p:txBody>
      </p:sp>
      <p:pic>
        <p:nvPicPr>
          <p:cNvPr id="7" name="Picture 6" descr="A picture containing logo&#10;&#10;Description automatically generated">
            <a:extLst>
              <a:ext uri="{FF2B5EF4-FFF2-40B4-BE49-F238E27FC236}">
                <a16:creationId xmlns:a16="http://schemas.microsoft.com/office/drawing/2014/main" id="{FA0E68C2-5375-864A-8051-A99B4AEBA7D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109833" y="179654"/>
            <a:ext cx="896977" cy="896977"/>
          </a:xfrm>
          <a:prstGeom prst="rect">
            <a:avLst/>
          </a:prstGeom>
        </p:spPr>
      </p:pic>
      <p:grpSp>
        <p:nvGrpSpPr>
          <p:cNvPr id="75" name="Group 74">
            <a:extLst>
              <a:ext uri="{FF2B5EF4-FFF2-40B4-BE49-F238E27FC236}">
                <a16:creationId xmlns:a16="http://schemas.microsoft.com/office/drawing/2014/main" id="{415D7816-86A4-41C7-92C3-D6DA4BA7AF8E}"/>
              </a:ext>
            </a:extLst>
          </p:cNvPr>
          <p:cNvGrpSpPr/>
          <p:nvPr/>
        </p:nvGrpSpPr>
        <p:grpSpPr>
          <a:xfrm>
            <a:off x="1208205" y="2238489"/>
            <a:ext cx="8113596" cy="3603581"/>
            <a:chOff x="3641986" y="3332189"/>
            <a:chExt cx="5746159" cy="2515251"/>
          </a:xfrm>
        </p:grpSpPr>
        <p:sp>
          <p:nvSpPr>
            <p:cNvPr id="44" name="TextBox 43">
              <a:extLst>
                <a:ext uri="{FF2B5EF4-FFF2-40B4-BE49-F238E27FC236}">
                  <a16:creationId xmlns:a16="http://schemas.microsoft.com/office/drawing/2014/main" id="{F54A324A-B34E-40CE-9288-67F15D150B1C}"/>
                </a:ext>
              </a:extLst>
            </p:cNvPr>
            <p:cNvSpPr txBox="1"/>
            <p:nvPr/>
          </p:nvSpPr>
          <p:spPr>
            <a:xfrm>
              <a:off x="6479318" y="4177793"/>
              <a:ext cx="1927354" cy="291054"/>
            </a:xfrm>
            <a:prstGeom prst="rect">
              <a:avLst/>
            </a:prstGeom>
            <a:noFill/>
          </p:spPr>
          <p:txBody>
            <a:bodyPr wrap="square" lIns="91440" tIns="45720" rIns="91440" bIns="45720" rtlCol="0" anchor="t">
              <a:spAutoFit/>
            </a:bodyPr>
            <a:lstStyle/>
            <a:p>
              <a:pPr algn="r"/>
              <a:r>
                <a:rPr lang="en-GB" sz="1100" i="1"/>
                <a:t>Tender structure</a:t>
              </a:r>
            </a:p>
            <a:p>
              <a:pPr marL="171450" indent="-171450" algn="r">
                <a:buFont typeface="Arial" panose="020B0604020202020204" pitchFamily="34" charset="0"/>
                <a:buChar char="•"/>
              </a:pPr>
              <a:r>
                <a:rPr lang="en-GB" sz="1100" i="1"/>
                <a:t>Unclear scope clarification</a:t>
              </a:r>
              <a:endParaRPr lang="en-DK" sz="1100" i="1"/>
            </a:p>
          </p:txBody>
        </p:sp>
        <p:cxnSp>
          <p:nvCxnSpPr>
            <p:cNvPr id="10" name="Straight Connector 9">
              <a:extLst>
                <a:ext uri="{FF2B5EF4-FFF2-40B4-BE49-F238E27FC236}">
                  <a16:creationId xmlns:a16="http://schemas.microsoft.com/office/drawing/2014/main" id="{93D847FB-8F53-4BB6-8FB0-E1DAA20BB7F8}"/>
                </a:ext>
              </a:extLst>
            </p:cNvPr>
            <p:cNvCxnSpPr>
              <a:cxnSpLocks/>
            </p:cNvCxnSpPr>
            <p:nvPr/>
          </p:nvCxnSpPr>
          <p:spPr>
            <a:xfrm>
              <a:off x="3641986" y="3332189"/>
              <a:ext cx="5746159" cy="7696"/>
            </a:xfrm>
            <a:prstGeom prst="line">
              <a:avLst/>
            </a:prstGeom>
            <a:ln w="381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7B74D3E-116F-4F47-BB09-9DA466757116}"/>
                </a:ext>
              </a:extLst>
            </p:cNvPr>
            <p:cNvCxnSpPr>
              <a:cxnSpLocks/>
            </p:cNvCxnSpPr>
            <p:nvPr/>
          </p:nvCxnSpPr>
          <p:spPr>
            <a:xfrm flipV="1">
              <a:off x="5943600" y="3339885"/>
              <a:ext cx="1179502" cy="2141795"/>
            </a:xfrm>
            <a:prstGeom prst="line">
              <a:avLst/>
            </a:prstGeom>
            <a:ln w="25400">
              <a:solidFill>
                <a:schemeClr val="accent1"/>
              </a:solidFill>
            </a:ln>
          </p:spPr>
          <p:style>
            <a:lnRef idx="1">
              <a:schemeClr val="accent1"/>
            </a:lnRef>
            <a:fillRef idx="0">
              <a:schemeClr val="accent1"/>
            </a:fillRef>
            <a:effectRef idx="0">
              <a:schemeClr val="accent1"/>
            </a:effectRef>
            <a:fontRef idx="minor">
              <a:schemeClr val="tx1"/>
            </a:fontRef>
          </p:style>
        </p:cxnSp>
        <p:sp>
          <p:nvSpPr>
            <p:cNvPr id="16" name="Rectangle 15">
              <a:extLst>
                <a:ext uri="{FF2B5EF4-FFF2-40B4-BE49-F238E27FC236}">
                  <a16:creationId xmlns:a16="http://schemas.microsoft.com/office/drawing/2014/main" id="{B452978E-2B59-412D-980E-EF05C337F5D3}"/>
                </a:ext>
              </a:extLst>
            </p:cNvPr>
            <p:cNvSpPr/>
            <p:nvPr/>
          </p:nvSpPr>
          <p:spPr>
            <a:xfrm>
              <a:off x="5248656" y="5481680"/>
              <a:ext cx="1389888" cy="365760"/>
            </a:xfrm>
            <a:prstGeom prst="rect">
              <a:avLst/>
            </a:prstGeom>
            <a:ln/>
          </p:spPr>
          <p:style>
            <a:lnRef idx="1">
              <a:schemeClr val="accent1"/>
            </a:lnRef>
            <a:fillRef idx="3">
              <a:schemeClr val="accent1"/>
            </a:fillRef>
            <a:effectRef idx="2">
              <a:schemeClr val="accent1"/>
            </a:effectRef>
            <a:fontRef idx="minor">
              <a:schemeClr val="lt1"/>
            </a:fontRef>
          </p:style>
          <p:txBody>
            <a:bodyPr lIns="237600" tIns="237600" rIns="237600" bIns="237600" rtlCol="0" anchor="ctr"/>
            <a:lstStyle/>
            <a:p>
              <a:pPr algn="ctr"/>
              <a:r>
                <a:rPr lang="en-GB" sz="1200"/>
                <a:t>Governance</a:t>
              </a:r>
              <a:endParaRPr lang="en-GB" sz="1200" noProof="0" err="1"/>
            </a:p>
          </p:txBody>
        </p:sp>
        <p:sp>
          <p:nvSpPr>
            <p:cNvPr id="26" name="TextBox 25">
              <a:extLst>
                <a:ext uri="{FF2B5EF4-FFF2-40B4-BE49-F238E27FC236}">
                  <a16:creationId xmlns:a16="http://schemas.microsoft.com/office/drawing/2014/main" id="{03A1684A-FC50-4FA7-9D83-08A407117B91}"/>
                </a:ext>
              </a:extLst>
            </p:cNvPr>
            <p:cNvSpPr txBox="1"/>
            <p:nvPr/>
          </p:nvSpPr>
          <p:spPr>
            <a:xfrm>
              <a:off x="4433363" y="4465803"/>
              <a:ext cx="2000923" cy="218290"/>
            </a:xfrm>
            <a:prstGeom prst="rect">
              <a:avLst/>
            </a:prstGeom>
            <a:noFill/>
          </p:spPr>
          <p:txBody>
            <a:bodyPr wrap="square" lIns="91440" tIns="45720" rIns="91440" bIns="45720" rtlCol="0" anchor="t">
              <a:spAutoFit/>
            </a:bodyPr>
            <a:lstStyle/>
            <a:p>
              <a:r>
                <a:rPr lang="en-GB" sz="1500"/>
                <a:t>No enforced procedure</a:t>
              </a:r>
            </a:p>
          </p:txBody>
        </p:sp>
        <p:sp>
          <p:nvSpPr>
            <p:cNvPr id="28" name="TextBox 27">
              <a:extLst>
                <a:ext uri="{FF2B5EF4-FFF2-40B4-BE49-F238E27FC236}">
                  <a16:creationId xmlns:a16="http://schemas.microsoft.com/office/drawing/2014/main" id="{BCE909B3-E7B8-4ED9-9A6A-D1FD60BD8004}"/>
                </a:ext>
              </a:extLst>
            </p:cNvPr>
            <p:cNvSpPr txBox="1"/>
            <p:nvPr/>
          </p:nvSpPr>
          <p:spPr>
            <a:xfrm>
              <a:off x="4423297" y="3484262"/>
              <a:ext cx="1218786" cy="218290"/>
            </a:xfrm>
            <a:prstGeom prst="rect">
              <a:avLst/>
            </a:prstGeom>
            <a:noFill/>
          </p:spPr>
          <p:txBody>
            <a:bodyPr wrap="square" lIns="91440" tIns="45720" rIns="91440" bIns="45720" rtlCol="0" anchor="t">
              <a:spAutoFit/>
            </a:bodyPr>
            <a:lstStyle/>
            <a:p>
              <a:r>
                <a:rPr lang="en-GB" sz="1500"/>
                <a:t>Unclear process</a:t>
              </a:r>
            </a:p>
          </p:txBody>
        </p:sp>
        <p:sp>
          <p:nvSpPr>
            <p:cNvPr id="30" name="TextBox 29">
              <a:extLst>
                <a:ext uri="{FF2B5EF4-FFF2-40B4-BE49-F238E27FC236}">
                  <a16:creationId xmlns:a16="http://schemas.microsoft.com/office/drawing/2014/main" id="{F44EB8E2-078B-4CB7-A760-1D1BEB9F5849}"/>
                </a:ext>
              </a:extLst>
            </p:cNvPr>
            <p:cNvSpPr txBox="1"/>
            <p:nvPr/>
          </p:nvSpPr>
          <p:spPr>
            <a:xfrm>
              <a:off x="4423297" y="3741504"/>
              <a:ext cx="1927354" cy="537064"/>
            </a:xfrm>
            <a:prstGeom prst="rect">
              <a:avLst/>
            </a:prstGeom>
            <a:noFill/>
          </p:spPr>
          <p:txBody>
            <a:bodyPr wrap="square" lIns="91440" tIns="45720" rIns="91440" bIns="45720" rtlCol="0" anchor="t">
              <a:spAutoFit/>
            </a:bodyPr>
            <a:lstStyle/>
            <a:p>
              <a:pPr marL="171450" indent="-171450">
                <a:buFont typeface="Arial" panose="020B0604020202020204" pitchFamily="34" charset="0"/>
                <a:buChar char="•"/>
              </a:pPr>
              <a:r>
                <a:rPr lang="en-GB" sz="1100" i="1"/>
                <a:t>Unclear selection process/decision gate (ITT)</a:t>
              </a:r>
            </a:p>
            <a:p>
              <a:pPr marL="171450" indent="-171450">
                <a:buFont typeface="Arial" panose="020B0604020202020204" pitchFamily="34" charset="0"/>
                <a:buChar char="•"/>
              </a:pPr>
              <a:r>
                <a:rPr lang="en-GB" sz="1100" i="1"/>
                <a:t>Unclear reply to customer process</a:t>
              </a:r>
            </a:p>
            <a:p>
              <a:pPr marL="171450" indent="-171450">
                <a:buFont typeface="Arial" panose="020B0604020202020204" pitchFamily="34" charset="0"/>
                <a:buChar char="•"/>
              </a:pPr>
              <a:r>
                <a:rPr lang="en-GB" sz="1100" i="1"/>
                <a:t>Unclear methodology</a:t>
              </a:r>
              <a:endParaRPr lang="en-DK" sz="1100" i="1"/>
            </a:p>
          </p:txBody>
        </p:sp>
        <p:sp>
          <p:nvSpPr>
            <p:cNvPr id="32" name="TextBox 31">
              <a:extLst>
                <a:ext uri="{FF2B5EF4-FFF2-40B4-BE49-F238E27FC236}">
                  <a16:creationId xmlns:a16="http://schemas.microsoft.com/office/drawing/2014/main" id="{727F056C-D20B-48DB-8B52-288EAE9E3344}"/>
                </a:ext>
              </a:extLst>
            </p:cNvPr>
            <p:cNvSpPr txBox="1"/>
            <p:nvPr/>
          </p:nvSpPr>
          <p:spPr>
            <a:xfrm>
              <a:off x="7007602" y="3834346"/>
              <a:ext cx="1398364" cy="374212"/>
            </a:xfrm>
            <a:prstGeom prst="rect">
              <a:avLst/>
            </a:prstGeom>
            <a:noFill/>
          </p:spPr>
          <p:txBody>
            <a:bodyPr wrap="square" lIns="91440" tIns="45720" rIns="91440" bIns="45720" rtlCol="0" anchor="t">
              <a:spAutoFit/>
            </a:bodyPr>
            <a:lstStyle/>
            <a:p>
              <a:pPr algn="r"/>
              <a:r>
                <a:rPr lang="en-GB" sz="1500"/>
                <a:t>Unclear tender definition</a:t>
              </a:r>
            </a:p>
          </p:txBody>
        </p:sp>
        <p:sp>
          <p:nvSpPr>
            <p:cNvPr id="34" name="TextBox 33">
              <a:extLst>
                <a:ext uri="{FF2B5EF4-FFF2-40B4-BE49-F238E27FC236}">
                  <a16:creationId xmlns:a16="http://schemas.microsoft.com/office/drawing/2014/main" id="{4CEDBA12-B7BF-4E7C-9A13-E59DCC938E83}"/>
                </a:ext>
              </a:extLst>
            </p:cNvPr>
            <p:cNvSpPr txBox="1"/>
            <p:nvPr/>
          </p:nvSpPr>
          <p:spPr>
            <a:xfrm>
              <a:off x="7177014" y="4782414"/>
              <a:ext cx="1335758" cy="218290"/>
            </a:xfrm>
            <a:prstGeom prst="rect">
              <a:avLst/>
            </a:prstGeom>
            <a:noFill/>
          </p:spPr>
          <p:txBody>
            <a:bodyPr wrap="square" lIns="91440" tIns="45720" rIns="91440" bIns="45720" rtlCol="0" anchor="t">
              <a:spAutoFit/>
            </a:bodyPr>
            <a:lstStyle/>
            <a:p>
              <a:pPr algn="r"/>
              <a:r>
                <a:rPr lang="en-GB" sz="1500"/>
                <a:t>Missing guidelines</a:t>
              </a:r>
            </a:p>
          </p:txBody>
        </p:sp>
        <p:cxnSp>
          <p:nvCxnSpPr>
            <p:cNvPr id="36" name="Straight Connector 35">
              <a:extLst>
                <a:ext uri="{FF2B5EF4-FFF2-40B4-BE49-F238E27FC236}">
                  <a16:creationId xmlns:a16="http://schemas.microsoft.com/office/drawing/2014/main" id="{9D5710A9-547E-4CDD-8E6C-E60A6FA4807D}"/>
                </a:ext>
              </a:extLst>
            </p:cNvPr>
            <p:cNvCxnSpPr>
              <a:cxnSpLocks/>
            </p:cNvCxnSpPr>
            <p:nvPr/>
          </p:nvCxnSpPr>
          <p:spPr>
            <a:xfrm>
              <a:off x="4487270" y="3712104"/>
              <a:ext cx="2437460"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8F31714B-19C1-4784-A6C2-DFA2B1EE8BA7}"/>
                </a:ext>
              </a:extLst>
            </p:cNvPr>
            <p:cNvCxnSpPr>
              <a:cxnSpLocks/>
            </p:cNvCxnSpPr>
            <p:nvPr/>
          </p:nvCxnSpPr>
          <p:spPr>
            <a:xfrm>
              <a:off x="6638544" y="4195691"/>
              <a:ext cx="1767423"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8A16AC51-8695-43EC-AFEF-F6F6D563A569}"/>
                </a:ext>
              </a:extLst>
            </p:cNvPr>
            <p:cNvCxnSpPr>
              <a:cxnSpLocks/>
            </p:cNvCxnSpPr>
            <p:nvPr/>
          </p:nvCxnSpPr>
          <p:spPr>
            <a:xfrm>
              <a:off x="6188108" y="5018874"/>
              <a:ext cx="2277198"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A835B5A9-C12A-4A61-9B59-C59BE8239360}"/>
                </a:ext>
              </a:extLst>
            </p:cNvPr>
            <p:cNvCxnSpPr>
              <a:cxnSpLocks/>
            </p:cNvCxnSpPr>
            <p:nvPr/>
          </p:nvCxnSpPr>
          <p:spPr>
            <a:xfrm>
              <a:off x="4532972" y="4685207"/>
              <a:ext cx="1848518"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
          <p:nvSpPr>
            <p:cNvPr id="46" name="TextBox 45">
              <a:extLst>
                <a:ext uri="{FF2B5EF4-FFF2-40B4-BE49-F238E27FC236}">
                  <a16:creationId xmlns:a16="http://schemas.microsoft.com/office/drawing/2014/main" id="{8F352BD8-6D13-40E6-884D-522BFCF65550}"/>
                </a:ext>
              </a:extLst>
            </p:cNvPr>
            <p:cNvSpPr txBox="1"/>
            <p:nvPr/>
          </p:nvSpPr>
          <p:spPr>
            <a:xfrm>
              <a:off x="4433363" y="4712382"/>
              <a:ext cx="1667629" cy="405396"/>
            </a:xfrm>
            <a:prstGeom prst="rect">
              <a:avLst/>
            </a:prstGeom>
            <a:noFill/>
          </p:spPr>
          <p:txBody>
            <a:bodyPr wrap="square" lIns="91440" tIns="45720" rIns="91440" bIns="45720" rtlCol="0" anchor="t">
              <a:spAutoFit/>
            </a:bodyPr>
            <a:lstStyle/>
            <a:p>
              <a:pPr marL="171450" indent="-171450">
                <a:buFont typeface="Arial" panose="020B0604020202020204" pitchFamily="34" charset="0"/>
                <a:buChar char="•"/>
              </a:pPr>
              <a:r>
                <a:rPr lang="en-GB" sz="1100" i="1"/>
                <a:t>Fail to meet internal deadlines</a:t>
              </a:r>
            </a:p>
            <a:p>
              <a:pPr marL="171450" indent="-171450">
                <a:buFont typeface="Arial" panose="020B0604020202020204" pitchFamily="34" charset="0"/>
                <a:buChar char="•"/>
              </a:pPr>
              <a:r>
                <a:rPr lang="en-GB" sz="1100" i="1"/>
                <a:t>Work done accordingly to the need of the hour</a:t>
              </a:r>
              <a:endParaRPr lang="en-GB" sz="1100" i="1">
                <a:highlight>
                  <a:srgbClr val="FFFF00"/>
                </a:highlight>
              </a:endParaRPr>
            </a:p>
          </p:txBody>
        </p:sp>
        <p:sp>
          <p:nvSpPr>
            <p:cNvPr id="50" name="TextBox 49">
              <a:extLst>
                <a:ext uri="{FF2B5EF4-FFF2-40B4-BE49-F238E27FC236}">
                  <a16:creationId xmlns:a16="http://schemas.microsoft.com/office/drawing/2014/main" id="{7C01B6BA-B522-4AD7-BA34-F48B3DBCB5C2}"/>
                </a:ext>
              </a:extLst>
            </p:cNvPr>
            <p:cNvSpPr txBox="1"/>
            <p:nvPr/>
          </p:nvSpPr>
          <p:spPr>
            <a:xfrm>
              <a:off x="7016298" y="5051497"/>
              <a:ext cx="1496474" cy="291054"/>
            </a:xfrm>
            <a:prstGeom prst="rect">
              <a:avLst/>
            </a:prstGeom>
            <a:noFill/>
          </p:spPr>
          <p:txBody>
            <a:bodyPr wrap="square" lIns="91440" tIns="45720" rIns="91440" bIns="45720" rtlCol="0" anchor="t">
              <a:spAutoFit/>
            </a:bodyPr>
            <a:lstStyle/>
            <a:p>
              <a:pPr marL="171450" indent="-171450" algn="r">
                <a:buFont typeface="Arial" panose="020B0604020202020204" pitchFamily="34" charset="0"/>
                <a:buChar char="•"/>
              </a:pPr>
              <a:r>
                <a:rPr lang="en-GB" sz="1100" i="1"/>
                <a:t>No standardised submission format</a:t>
              </a:r>
              <a:endParaRPr lang="en-US" sz="1100" i="1">
                <a:highlight>
                  <a:srgbClr val="FFFF00"/>
                </a:highlight>
              </a:endParaRPr>
            </a:p>
          </p:txBody>
        </p:sp>
      </p:grpSp>
      <p:sp>
        <p:nvSpPr>
          <p:cNvPr id="21" name="Rectangle 20">
            <a:extLst>
              <a:ext uri="{FF2B5EF4-FFF2-40B4-BE49-F238E27FC236}">
                <a16:creationId xmlns:a16="http://schemas.microsoft.com/office/drawing/2014/main" id="{E145FB18-C414-4A68-84C8-190025A0FDDF}"/>
              </a:ext>
            </a:extLst>
          </p:cNvPr>
          <p:cNvSpPr/>
          <p:nvPr/>
        </p:nvSpPr>
        <p:spPr>
          <a:xfrm>
            <a:off x="9325019" y="1883715"/>
            <a:ext cx="2170176" cy="731520"/>
          </a:xfrm>
          <a:prstGeom prst="rect">
            <a:avLst/>
          </a:prstGeom>
          <a:ln/>
        </p:spPr>
        <p:style>
          <a:lnRef idx="1">
            <a:schemeClr val="accent1"/>
          </a:lnRef>
          <a:fillRef idx="3">
            <a:schemeClr val="accent1"/>
          </a:fillRef>
          <a:effectRef idx="2">
            <a:schemeClr val="accent1"/>
          </a:effectRef>
          <a:fontRef idx="minor">
            <a:schemeClr val="lt1"/>
          </a:fontRef>
        </p:style>
        <p:txBody>
          <a:bodyPr lIns="237600" tIns="237600" rIns="237600" bIns="237600" rtlCol="0" anchor="ctr"/>
          <a:lstStyle/>
          <a:p>
            <a:pPr algn="ctr"/>
            <a:r>
              <a:rPr lang="en-GB" sz="1400"/>
              <a:t>Unsatisfying t</a:t>
            </a:r>
            <a:r>
              <a:rPr lang="en-GB" sz="1400" noProof="0"/>
              <a:t>ender process</a:t>
            </a:r>
          </a:p>
        </p:txBody>
      </p:sp>
    </p:spTree>
    <p:custDataLst>
      <p:tags r:id="rId1"/>
    </p:custDataLst>
    <p:extLst>
      <p:ext uri="{BB962C8B-B14F-4D97-AF65-F5344CB8AC3E}">
        <p14:creationId xmlns:p14="http://schemas.microsoft.com/office/powerpoint/2010/main" val="424563401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8DE298EE-0638-410D-8EE9-15CF00298CCA}"/>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A204BC-C5BA-4EF4-ABC8-D45123A0C528}" type="slidenum">
              <a:rPr kumimoji="0" lang="en-GB" sz="1000" b="0" i="0" u="none" strike="noStrike" kern="1200" cap="none" spc="0" normalizeH="0" baseline="0" noProof="0" smtClean="0">
                <a:ln>
                  <a:noFill/>
                </a:ln>
                <a:solidFill>
                  <a:prstClr val="black"/>
                </a:solidFill>
                <a:effectLst/>
                <a:uLnTx/>
                <a:uFillTx/>
                <a:latin typeface="Maersk Text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5</a:t>
            </a:fld>
            <a:endParaRPr kumimoji="0" lang="en-GB" sz="1000" b="0" i="0" u="none" strike="noStrike" kern="1200" cap="none" spc="0" normalizeH="0" baseline="0" noProof="0">
              <a:ln>
                <a:noFill/>
              </a:ln>
              <a:solidFill>
                <a:prstClr val="black"/>
              </a:solidFill>
              <a:effectLst/>
              <a:uLnTx/>
              <a:uFillTx/>
              <a:latin typeface="Maersk Text Office"/>
              <a:ea typeface="+mn-ea"/>
              <a:cs typeface="+mn-cs"/>
            </a:endParaRPr>
          </a:p>
        </p:txBody>
      </p:sp>
      <p:sp>
        <p:nvSpPr>
          <p:cNvPr id="3" name="Title 2">
            <a:extLst>
              <a:ext uri="{FF2B5EF4-FFF2-40B4-BE49-F238E27FC236}">
                <a16:creationId xmlns:a16="http://schemas.microsoft.com/office/drawing/2014/main" id="{86F37277-9C42-4BD1-927E-7F1962FB1120}"/>
              </a:ext>
            </a:extLst>
          </p:cNvPr>
          <p:cNvSpPr>
            <a:spLocks noGrp="1"/>
          </p:cNvSpPr>
          <p:nvPr>
            <p:ph type="title"/>
          </p:nvPr>
        </p:nvSpPr>
        <p:spPr/>
        <p:txBody>
          <a:bodyPr/>
          <a:lstStyle/>
          <a:p>
            <a:r>
              <a:rPr lang="en-US"/>
              <a:t>Fishbone diagram – Financial Resources</a:t>
            </a:r>
          </a:p>
        </p:txBody>
      </p:sp>
      <p:pic>
        <p:nvPicPr>
          <p:cNvPr id="7" name="Picture 6" descr="A picture containing logo&#10;&#10;Description automatically generated">
            <a:extLst>
              <a:ext uri="{FF2B5EF4-FFF2-40B4-BE49-F238E27FC236}">
                <a16:creationId xmlns:a16="http://schemas.microsoft.com/office/drawing/2014/main" id="{FA0E68C2-5375-864A-8051-A99B4AEBA7D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109833" y="179654"/>
            <a:ext cx="896977" cy="896977"/>
          </a:xfrm>
          <a:prstGeom prst="rect">
            <a:avLst/>
          </a:prstGeom>
        </p:spPr>
      </p:pic>
      <p:sp>
        <p:nvSpPr>
          <p:cNvPr id="55" name="TextBox 54">
            <a:extLst>
              <a:ext uri="{FF2B5EF4-FFF2-40B4-BE49-F238E27FC236}">
                <a16:creationId xmlns:a16="http://schemas.microsoft.com/office/drawing/2014/main" id="{DDB34444-BC62-4236-97C7-5B38803BCB27}"/>
              </a:ext>
            </a:extLst>
          </p:cNvPr>
          <p:cNvSpPr txBox="1"/>
          <p:nvPr/>
        </p:nvSpPr>
        <p:spPr>
          <a:xfrm>
            <a:off x="2637013" y="1880639"/>
            <a:ext cx="2454970" cy="280244"/>
          </a:xfrm>
          <a:prstGeom prst="rect">
            <a:avLst/>
          </a:prstGeom>
          <a:noFill/>
        </p:spPr>
        <p:txBody>
          <a:bodyPr wrap="square" lIns="91440" tIns="45720" rIns="91440" bIns="45720" rtlCol="0" anchor="t">
            <a:spAutoFit/>
          </a:bodyPr>
          <a:lstStyle/>
          <a:p>
            <a:endParaRPr lang="en-GB" sz="800" i="1"/>
          </a:p>
        </p:txBody>
      </p:sp>
      <p:sp>
        <p:nvSpPr>
          <p:cNvPr id="73" name="TextBox 72">
            <a:extLst>
              <a:ext uri="{FF2B5EF4-FFF2-40B4-BE49-F238E27FC236}">
                <a16:creationId xmlns:a16="http://schemas.microsoft.com/office/drawing/2014/main" id="{7CBF7AB0-ABC6-4687-8B8B-B8022215B9F5}"/>
              </a:ext>
            </a:extLst>
          </p:cNvPr>
          <p:cNvSpPr txBox="1"/>
          <p:nvPr/>
        </p:nvSpPr>
        <p:spPr>
          <a:xfrm>
            <a:off x="6677603" y="1820941"/>
            <a:ext cx="1812877" cy="280244"/>
          </a:xfrm>
          <a:prstGeom prst="rect">
            <a:avLst/>
          </a:prstGeom>
          <a:noFill/>
        </p:spPr>
        <p:txBody>
          <a:bodyPr wrap="square" lIns="91440" tIns="45720" rIns="91440" bIns="45720" rtlCol="0" anchor="t">
            <a:spAutoFit/>
          </a:bodyPr>
          <a:lstStyle/>
          <a:p>
            <a:endParaRPr lang="en-GB" sz="800" i="1"/>
          </a:p>
        </p:txBody>
      </p:sp>
      <p:cxnSp>
        <p:nvCxnSpPr>
          <p:cNvPr id="11" name="Straight Connector 10">
            <a:extLst>
              <a:ext uri="{FF2B5EF4-FFF2-40B4-BE49-F238E27FC236}">
                <a16:creationId xmlns:a16="http://schemas.microsoft.com/office/drawing/2014/main" id="{FE47EEDE-2539-4411-A5B3-93F4584321AA}"/>
              </a:ext>
            </a:extLst>
          </p:cNvPr>
          <p:cNvCxnSpPr>
            <a:cxnSpLocks/>
          </p:cNvCxnSpPr>
          <p:nvPr/>
        </p:nvCxnSpPr>
        <p:spPr>
          <a:xfrm>
            <a:off x="1694653" y="2014603"/>
            <a:ext cx="7270157" cy="10012"/>
          </a:xfrm>
          <a:prstGeom prst="line">
            <a:avLst/>
          </a:prstGeom>
          <a:ln w="381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FF99C711-9589-4E3B-82B8-F6FA1099F362}"/>
              </a:ext>
            </a:extLst>
          </p:cNvPr>
          <p:cNvCxnSpPr>
            <a:cxnSpLocks/>
          </p:cNvCxnSpPr>
          <p:nvPr/>
        </p:nvCxnSpPr>
        <p:spPr>
          <a:xfrm flipV="1">
            <a:off x="4546054" y="1994580"/>
            <a:ext cx="1269045" cy="2579537"/>
          </a:xfrm>
          <a:prstGeom prst="line">
            <a:avLst/>
          </a:prstGeom>
          <a:ln w="25400">
            <a:solidFill>
              <a:schemeClr val="accent1"/>
            </a:solidFill>
          </a:ln>
        </p:spPr>
        <p:style>
          <a:lnRef idx="1">
            <a:schemeClr val="accent1"/>
          </a:lnRef>
          <a:fillRef idx="0">
            <a:schemeClr val="accent1"/>
          </a:fillRef>
          <a:effectRef idx="0">
            <a:schemeClr val="accent1"/>
          </a:effectRef>
          <a:fontRef idx="minor">
            <a:schemeClr val="tx1"/>
          </a:fontRef>
        </p:style>
      </p:cxnSp>
      <p:sp>
        <p:nvSpPr>
          <p:cNvPr id="21" name="Rectangle 20">
            <a:extLst>
              <a:ext uri="{FF2B5EF4-FFF2-40B4-BE49-F238E27FC236}">
                <a16:creationId xmlns:a16="http://schemas.microsoft.com/office/drawing/2014/main" id="{72F104FF-7F48-4767-9FAB-20789E4C6D1D}"/>
              </a:ext>
            </a:extLst>
          </p:cNvPr>
          <p:cNvSpPr/>
          <p:nvPr/>
        </p:nvSpPr>
        <p:spPr>
          <a:xfrm>
            <a:off x="2797929" y="4483025"/>
            <a:ext cx="2121918" cy="699964"/>
          </a:xfrm>
          <a:prstGeom prst="rect">
            <a:avLst/>
          </a:prstGeom>
          <a:ln/>
        </p:spPr>
        <p:style>
          <a:lnRef idx="1">
            <a:schemeClr val="accent1"/>
          </a:lnRef>
          <a:fillRef idx="3">
            <a:schemeClr val="accent1"/>
          </a:fillRef>
          <a:effectRef idx="2">
            <a:schemeClr val="accent1"/>
          </a:effectRef>
          <a:fontRef idx="minor">
            <a:schemeClr val="lt1"/>
          </a:fontRef>
        </p:style>
        <p:txBody>
          <a:bodyPr lIns="237600" tIns="237600" rIns="237600" bIns="237600" rtlCol="0" anchor="ctr"/>
          <a:lstStyle/>
          <a:p>
            <a:pPr algn="ctr"/>
            <a:r>
              <a:rPr lang="en-GB" sz="1200"/>
              <a:t>Resources</a:t>
            </a:r>
            <a:endParaRPr lang="en-GB" sz="1200" noProof="0" err="1"/>
          </a:p>
        </p:txBody>
      </p:sp>
      <p:sp>
        <p:nvSpPr>
          <p:cNvPr id="23" name="TextBox 22">
            <a:extLst>
              <a:ext uri="{FF2B5EF4-FFF2-40B4-BE49-F238E27FC236}">
                <a16:creationId xmlns:a16="http://schemas.microsoft.com/office/drawing/2014/main" id="{CDBDC478-1B62-4408-960B-9E4AB0C38738}"/>
              </a:ext>
            </a:extLst>
          </p:cNvPr>
          <p:cNvSpPr txBox="1"/>
          <p:nvPr/>
        </p:nvSpPr>
        <p:spPr>
          <a:xfrm>
            <a:off x="2683078" y="2727488"/>
            <a:ext cx="1755572" cy="323165"/>
          </a:xfrm>
          <a:prstGeom prst="rect">
            <a:avLst/>
          </a:prstGeom>
          <a:noFill/>
        </p:spPr>
        <p:txBody>
          <a:bodyPr wrap="square" lIns="91440" tIns="45720" rIns="91440" bIns="45720" rtlCol="0" anchor="t">
            <a:spAutoFit/>
          </a:bodyPr>
          <a:lstStyle/>
          <a:p>
            <a:r>
              <a:rPr lang="en-GB" sz="1500"/>
              <a:t>Lack of resources </a:t>
            </a:r>
          </a:p>
        </p:txBody>
      </p:sp>
      <p:cxnSp>
        <p:nvCxnSpPr>
          <p:cNvPr id="67" name="Straight Connector 66">
            <a:extLst>
              <a:ext uri="{FF2B5EF4-FFF2-40B4-BE49-F238E27FC236}">
                <a16:creationId xmlns:a16="http://schemas.microsoft.com/office/drawing/2014/main" id="{FB7A91E7-680A-4B5F-98D2-80F9EDBA476A}"/>
              </a:ext>
            </a:extLst>
          </p:cNvPr>
          <p:cNvCxnSpPr>
            <a:cxnSpLocks/>
          </p:cNvCxnSpPr>
          <p:nvPr/>
        </p:nvCxnSpPr>
        <p:spPr>
          <a:xfrm>
            <a:off x="2504701" y="3052306"/>
            <a:ext cx="2825030" cy="17769"/>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
        <p:nvSpPr>
          <p:cNvPr id="75" name="TextBox 74">
            <a:extLst>
              <a:ext uri="{FF2B5EF4-FFF2-40B4-BE49-F238E27FC236}">
                <a16:creationId xmlns:a16="http://schemas.microsoft.com/office/drawing/2014/main" id="{BFAE08FC-ADA4-4DC6-B6F0-64B62201909B}"/>
              </a:ext>
            </a:extLst>
          </p:cNvPr>
          <p:cNvSpPr txBox="1"/>
          <p:nvPr/>
        </p:nvSpPr>
        <p:spPr>
          <a:xfrm>
            <a:off x="2672702" y="3101852"/>
            <a:ext cx="2126582" cy="938719"/>
          </a:xfrm>
          <a:prstGeom prst="rect">
            <a:avLst/>
          </a:prstGeom>
          <a:noFill/>
        </p:spPr>
        <p:txBody>
          <a:bodyPr wrap="square" lIns="91440" tIns="45720" rIns="91440" bIns="45720" rtlCol="0" anchor="t">
            <a:spAutoFit/>
          </a:bodyPr>
          <a:lstStyle/>
          <a:p>
            <a:pPr marL="171450" indent="-171450">
              <a:buFont typeface="Arial" panose="020B0604020202020204" pitchFamily="34" charset="0"/>
              <a:buChar char="•"/>
            </a:pPr>
            <a:r>
              <a:rPr lang="en-DK" sz="1100" i="1"/>
              <a:t>No specific tender mgt. workforce</a:t>
            </a:r>
            <a:endParaRPr lang="en-US" sz="1100" i="1"/>
          </a:p>
          <a:p>
            <a:pPr marL="171450" indent="-171450">
              <a:buFont typeface="Arial" panose="020B0604020202020204" pitchFamily="34" charset="0"/>
              <a:buChar char="•"/>
            </a:pPr>
            <a:r>
              <a:rPr lang="en-DK" sz="1100" i="1"/>
              <a:t>Understaffed</a:t>
            </a:r>
          </a:p>
          <a:p>
            <a:pPr marL="171450" indent="-171450">
              <a:buFont typeface="Arial,Sans-Serif" panose="020B0604020202020204" pitchFamily="34" charset="0"/>
              <a:buChar char="•"/>
            </a:pPr>
            <a:r>
              <a:rPr lang="en-GB" sz="1100" i="1">
                <a:ea typeface="+mn-lt"/>
                <a:cs typeface="+mn-lt"/>
              </a:rPr>
              <a:t>Lack of skilled resources</a:t>
            </a:r>
            <a:endParaRPr lang="en-US" sz="1100">
              <a:ea typeface="+mn-lt"/>
              <a:cs typeface="+mn-lt"/>
            </a:endParaRPr>
          </a:p>
          <a:p>
            <a:pPr marL="171450" indent="-171450">
              <a:buFont typeface="Arial,Sans-Serif" panose="020B0604020202020204" pitchFamily="34" charset="0"/>
              <a:buChar char="•"/>
            </a:pPr>
            <a:r>
              <a:rPr lang="en-GB" sz="1100" i="1">
                <a:ea typeface="+mn-lt"/>
                <a:cs typeface="+mn-lt"/>
              </a:rPr>
              <a:t>Lack of software training </a:t>
            </a:r>
            <a:endParaRPr lang="en-US"/>
          </a:p>
        </p:txBody>
      </p:sp>
      <p:sp>
        <p:nvSpPr>
          <p:cNvPr id="13" name="Rectangle 12">
            <a:extLst>
              <a:ext uri="{FF2B5EF4-FFF2-40B4-BE49-F238E27FC236}">
                <a16:creationId xmlns:a16="http://schemas.microsoft.com/office/drawing/2014/main" id="{CF841E7E-9B09-4896-B5FF-E54C4C4E8F91}"/>
              </a:ext>
            </a:extLst>
          </p:cNvPr>
          <p:cNvSpPr/>
          <p:nvPr/>
        </p:nvSpPr>
        <p:spPr>
          <a:xfrm>
            <a:off x="8964810" y="1658855"/>
            <a:ext cx="2170176" cy="731520"/>
          </a:xfrm>
          <a:prstGeom prst="rect">
            <a:avLst/>
          </a:prstGeom>
          <a:ln/>
        </p:spPr>
        <p:style>
          <a:lnRef idx="1">
            <a:schemeClr val="accent1"/>
          </a:lnRef>
          <a:fillRef idx="3">
            <a:schemeClr val="accent1"/>
          </a:fillRef>
          <a:effectRef idx="2">
            <a:schemeClr val="accent1"/>
          </a:effectRef>
          <a:fontRef idx="minor">
            <a:schemeClr val="lt1"/>
          </a:fontRef>
        </p:style>
        <p:txBody>
          <a:bodyPr lIns="237600" tIns="237600" rIns="237600" bIns="237600" rtlCol="0" anchor="ctr"/>
          <a:lstStyle/>
          <a:p>
            <a:pPr algn="ctr"/>
            <a:r>
              <a:rPr lang="en-GB" sz="1400"/>
              <a:t>Unsatisfying t</a:t>
            </a:r>
            <a:r>
              <a:rPr lang="en-GB" sz="1400" noProof="0"/>
              <a:t>ender process</a:t>
            </a:r>
          </a:p>
        </p:txBody>
      </p:sp>
    </p:spTree>
    <p:custDataLst>
      <p:tags r:id="rId1"/>
    </p:custDataLst>
    <p:extLst>
      <p:ext uri="{BB962C8B-B14F-4D97-AF65-F5344CB8AC3E}">
        <p14:creationId xmlns:p14="http://schemas.microsoft.com/office/powerpoint/2010/main" val="107333114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56FE112-B46A-4C3E-B9DB-7DA3952D7192}"/>
              </a:ext>
            </a:extLst>
          </p:cNvPr>
          <p:cNvSpPr>
            <a:spLocks noGrp="1"/>
          </p:cNvSpPr>
          <p:nvPr>
            <p:ph type="title"/>
          </p:nvPr>
        </p:nvSpPr>
        <p:spPr/>
        <p:txBody>
          <a:bodyPr/>
          <a:lstStyle/>
          <a:p>
            <a:r>
              <a:rPr lang="da-DK" err="1"/>
              <a:t>Theoretical</a:t>
            </a:r>
            <a:r>
              <a:rPr lang="da-DK"/>
              <a:t> </a:t>
            </a:r>
            <a:r>
              <a:rPr lang="da-DK" err="1"/>
              <a:t>aspects</a:t>
            </a:r>
            <a:endParaRPr lang="da-DK"/>
          </a:p>
        </p:txBody>
      </p:sp>
      <p:sp>
        <p:nvSpPr>
          <p:cNvPr id="3" name="Slide Number Placeholder 2">
            <a:extLst>
              <a:ext uri="{FF2B5EF4-FFF2-40B4-BE49-F238E27FC236}">
                <a16:creationId xmlns:a16="http://schemas.microsoft.com/office/drawing/2014/main" id="{3CE69D56-32BD-45EB-8333-16376EA317A1}"/>
              </a:ext>
            </a:extLst>
          </p:cNvPr>
          <p:cNvSpPr>
            <a:spLocks noGrp="1"/>
          </p:cNvSpPr>
          <p:nvPr>
            <p:ph type="sldNum" sz="quarter" idx="17"/>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A204BC-C5BA-4EF4-ABC8-D45123A0C528}" type="slidenum">
              <a:rPr kumimoji="0" lang="en-GB" sz="1000" b="0" i="0" u="none" strike="noStrike" kern="1200" cap="none" spc="0" normalizeH="0" baseline="0" noProof="0" smtClean="0">
                <a:ln>
                  <a:noFill/>
                </a:ln>
                <a:solidFill>
                  <a:prstClr val="white"/>
                </a:solidFill>
                <a:effectLst/>
                <a:uLnTx/>
                <a:uFillTx/>
                <a:latin typeface="Maersk Text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6</a:t>
            </a:fld>
            <a:endParaRPr kumimoji="0" lang="en-GB" sz="1000" b="0" i="0" u="none" strike="noStrike" kern="1200" cap="none" spc="0" normalizeH="0" baseline="0" noProof="0">
              <a:ln>
                <a:noFill/>
              </a:ln>
              <a:solidFill>
                <a:prstClr val="white"/>
              </a:solidFill>
              <a:effectLst/>
              <a:uLnTx/>
              <a:uFillTx/>
              <a:latin typeface="Maersk Text Office"/>
              <a:ea typeface="+mn-ea"/>
              <a:cs typeface="+mn-cs"/>
            </a:endParaRPr>
          </a:p>
        </p:txBody>
      </p:sp>
      <p:sp>
        <p:nvSpPr>
          <p:cNvPr id="4" name="Text Placeholder 3">
            <a:extLst>
              <a:ext uri="{FF2B5EF4-FFF2-40B4-BE49-F238E27FC236}">
                <a16:creationId xmlns:a16="http://schemas.microsoft.com/office/drawing/2014/main" id="{6018A5B0-AC41-4AA5-A40C-FBC6D2C55226}"/>
              </a:ext>
            </a:extLst>
          </p:cNvPr>
          <p:cNvSpPr>
            <a:spLocks noGrp="1"/>
          </p:cNvSpPr>
          <p:nvPr>
            <p:ph type="body" sz="quarter" idx="18"/>
          </p:nvPr>
        </p:nvSpPr>
        <p:spPr/>
        <p:txBody>
          <a:bodyPr/>
          <a:lstStyle/>
          <a:p>
            <a:endParaRPr lang="da-DK"/>
          </a:p>
        </p:txBody>
      </p:sp>
      <p:pic>
        <p:nvPicPr>
          <p:cNvPr id="5" name="Picture 4" descr="A picture containing logo&#10;&#10;Description automatically generated">
            <a:extLst>
              <a:ext uri="{FF2B5EF4-FFF2-40B4-BE49-F238E27FC236}">
                <a16:creationId xmlns:a16="http://schemas.microsoft.com/office/drawing/2014/main" id="{9E23D806-4926-6C4E-ADDB-04B7949B797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109833" y="179654"/>
            <a:ext cx="896977" cy="896977"/>
          </a:xfrm>
          <a:prstGeom prst="rect">
            <a:avLst/>
          </a:prstGeom>
        </p:spPr>
      </p:pic>
    </p:spTree>
    <p:custDataLst>
      <p:tags r:id="rId1"/>
    </p:custDataLst>
    <p:extLst>
      <p:ext uri="{BB962C8B-B14F-4D97-AF65-F5344CB8AC3E}">
        <p14:creationId xmlns:p14="http://schemas.microsoft.com/office/powerpoint/2010/main" val="345648550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EF997C5E-DC7B-4922-B6E5-A01ACAE99C66}"/>
              </a:ext>
            </a:extLst>
          </p:cNvPr>
          <p:cNvSpPr/>
          <p:nvPr/>
        </p:nvSpPr>
        <p:spPr>
          <a:xfrm>
            <a:off x="-1058" y="-1059"/>
            <a:ext cx="8315064" cy="6858000"/>
          </a:xfrm>
          <a:prstGeom prst="rect">
            <a:avLst/>
          </a:prstGeom>
          <a:solidFill>
            <a:schemeClr val="bg2">
              <a:lumMod val="10000"/>
              <a:lumOff val="90000"/>
            </a:schemeClr>
          </a:solidFill>
          <a:ln>
            <a:solidFill>
              <a:schemeClr val="bg2">
                <a:lumMod val="10000"/>
                <a:lumOff val="90000"/>
              </a:schemeClr>
            </a:solid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US" noProof="0"/>
          </a:p>
        </p:txBody>
      </p:sp>
      <p:sp>
        <p:nvSpPr>
          <p:cNvPr id="2" name="Title 1">
            <a:extLst>
              <a:ext uri="{FF2B5EF4-FFF2-40B4-BE49-F238E27FC236}">
                <a16:creationId xmlns:a16="http://schemas.microsoft.com/office/drawing/2014/main" id="{DFAC4A05-D5B5-493B-AC57-9A648A2E743E}"/>
              </a:ext>
            </a:extLst>
          </p:cNvPr>
          <p:cNvSpPr>
            <a:spLocks noGrp="1"/>
          </p:cNvSpPr>
          <p:nvPr>
            <p:ph type="title"/>
          </p:nvPr>
        </p:nvSpPr>
        <p:spPr>
          <a:xfrm>
            <a:off x="483130" y="501650"/>
            <a:ext cx="7158036" cy="473605"/>
          </a:xfrm>
        </p:spPr>
        <p:txBody>
          <a:bodyPr/>
          <a:lstStyle/>
          <a:p>
            <a:r>
              <a:rPr lang="en-US"/>
              <a:t>Relevancy</a:t>
            </a:r>
          </a:p>
        </p:txBody>
      </p:sp>
      <p:sp>
        <p:nvSpPr>
          <p:cNvPr id="3" name="Content Placeholder 2">
            <a:extLst>
              <a:ext uri="{FF2B5EF4-FFF2-40B4-BE49-F238E27FC236}">
                <a16:creationId xmlns:a16="http://schemas.microsoft.com/office/drawing/2014/main" id="{85FF25C4-CD77-4EF5-9C33-05DF77B36B40}"/>
              </a:ext>
            </a:extLst>
          </p:cNvPr>
          <p:cNvSpPr>
            <a:spLocks noGrp="1"/>
          </p:cNvSpPr>
          <p:nvPr>
            <p:ph sz="quarter" idx="13"/>
          </p:nvPr>
        </p:nvSpPr>
        <p:spPr>
          <a:xfrm>
            <a:off x="483131" y="3764491"/>
            <a:ext cx="7521386" cy="772054"/>
          </a:xfrm>
        </p:spPr>
        <p:txBody>
          <a:bodyPr vert="horz" lIns="0" tIns="0" rIns="0" bIns="0" rtlCol="0" anchor="t">
            <a:noAutofit/>
          </a:bodyPr>
          <a:lstStyle/>
          <a:p>
            <a:pPr marL="179705" indent="-179705"/>
            <a:r>
              <a:rPr lang="en-US" sz="1800" b="1">
                <a:ea typeface="+mn-lt"/>
                <a:cs typeface="+mn-lt"/>
              </a:rPr>
              <a:t>Insights from the tool</a:t>
            </a:r>
            <a:r>
              <a:rPr lang="en-US" sz="1800">
                <a:ea typeface="+mn-lt"/>
                <a:cs typeface="+mn-lt"/>
              </a:rPr>
              <a:t>:</a:t>
            </a:r>
            <a:endParaRPr lang="en-US" sz="1800"/>
          </a:p>
          <a:p>
            <a:pPr marL="0" indent="0">
              <a:buNone/>
            </a:pPr>
            <a:r>
              <a:rPr lang="en-US" sz="1800">
                <a:ea typeface="+mn-lt"/>
                <a:cs typeface="+mn-lt"/>
              </a:rPr>
              <a:t>- The respective tool helps teams </a:t>
            </a:r>
            <a:r>
              <a:rPr lang="en-US" sz="1800" i="1">
                <a:ea typeface="+mn-lt"/>
                <a:cs typeface="+mn-lt"/>
              </a:rPr>
              <a:t>generate a deep</a:t>
            </a:r>
            <a:r>
              <a:rPr lang="en-US" sz="1800">
                <a:ea typeface="+mn-lt"/>
                <a:cs typeface="+mn-lt"/>
              </a:rPr>
              <a:t> and </a:t>
            </a:r>
            <a:r>
              <a:rPr lang="en-US" sz="1800" i="1">
                <a:ea typeface="+mn-lt"/>
                <a:cs typeface="+mn-lt"/>
              </a:rPr>
              <a:t>system-level understanding</a:t>
            </a:r>
            <a:r>
              <a:rPr lang="en-US" sz="1800">
                <a:ea typeface="+mn-lt"/>
                <a:cs typeface="+mn-lt"/>
              </a:rPr>
              <a:t> as a foundation for </a:t>
            </a:r>
            <a:r>
              <a:rPr lang="en-US" sz="1800" b="1">
                <a:ea typeface="+mn-lt"/>
                <a:cs typeface="+mn-lt"/>
              </a:rPr>
              <a:t>effective solutions</a:t>
            </a:r>
            <a:r>
              <a:rPr lang="en-US" sz="1800">
                <a:ea typeface="+mn-lt"/>
                <a:cs typeface="+mn-lt"/>
              </a:rPr>
              <a:t>.</a:t>
            </a:r>
          </a:p>
        </p:txBody>
      </p:sp>
      <p:sp>
        <p:nvSpPr>
          <p:cNvPr id="5" name="Slide Number Placeholder 4">
            <a:extLst>
              <a:ext uri="{FF2B5EF4-FFF2-40B4-BE49-F238E27FC236}">
                <a16:creationId xmlns:a16="http://schemas.microsoft.com/office/drawing/2014/main" id="{D35DA92A-BD01-4079-BE0B-40166A8ECCA7}"/>
              </a:ext>
            </a:extLst>
          </p:cNvPr>
          <p:cNvSpPr>
            <a:spLocks noGrp="1"/>
          </p:cNvSpPr>
          <p:nvPr>
            <p:ph type="sldNum" sz="quarter" idx="17"/>
          </p:nvPr>
        </p:nvSpPr>
        <p:spPr/>
        <p:txBody>
          <a:bodyPr/>
          <a:lstStyle/>
          <a:p>
            <a:fld id="{43A204BC-C5BA-4EF4-ABC8-D45123A0C528}" type="slidenum">
              <a:rPr lang="en-GB" smtClean="0"/>
              <a:pPr/>
              <a:t>17</a:t>
            </a:fld>
            <a:endParaRPr lang="en-GB"/>
          </a:p>
        </p:txBody>
      </p:sp>
      <p:sp>
        <p:nvSpPr>
          <p:cNvPr id="6" name="Content Placeholder 2">
            <a:extLst>
              <a:ext uri="{FF2B5EF4-FFF2-40B4-BE49-F238E27FC236}">
                <a16:creationId xmlns:a16="http://schemas.microsoft.com/office/drawing/2014/main" id="{C5C61828-2FCD-4F83-AE68-6DECEA639D33}"/>
              </a:ext>
            </a:extLst>
          </p:cNvPr>
          <p:cNvSpPr txBox="1">
            <a:spLocks/>
          </p:cNvSpPr>
          <p:nvPr/>
        </p:nvSpPr>
        <p:spPr>
          <a:xfrm>
            <a:off x="466197" y="2528358"/>
            <a:ext cx="7217302" cy="839788"/>
          </a:xfrm>
          <a:prstGeom prst="rect">
            <a:avLst/>
          </a:prstGeom>
        </p:spPr>
        <p:txBody>
          <a:bodyPr vert="horz" lIns="0" tIns="0" rIns="0" bIns="0" rtlCol="0" anchor="t">
            <a:noAutofit/>
          </a:bodyPr>
          <a:lstStyle>
            <a:lvl1pPr marL="180000" indent="-180000" algn="l" defTabSz="914400" rtl="0" eaLnBrk="1" latinLnBrk="0" hangingPunct="1">
              <a:lnSpc>
                <a:spcPct val="90000"/>
              </a:lnSpc>
              <a:spcBef>
                <a:spcPts val="0"/>
              </a:spcBef>
              <a:spcAft>
                <a:spcPts val="600"/>
              </a:spcAft>
              <a:buClr>
                <a:schemeClr val="accent2"/>
              </a:buClr>
              <a:buFont typeface="Arial" panose="020B0604020202020204" pitchFamily="34" charset="0"/>
              <a:buChar char="•"/>
              <a:defRPr sz="1600" kern="1200">
                <a:solidFill>
                  <a:schemeClr val="tx1"/>
                </a:solidFill>
                <a:latin typeface="+mn-lt"/>
                <a:ea typeface="+mn-ea"/>
                <a:cs typeface="+mn-cs"/>
              </a:defRPr>
            </a:lvl1pPr>
            <a:lvl2pPr marL="360000" indent="-180000" algn="l" defTabSz="914400" rtl="0" eaLnBrk="1" latinLnBrk="0" hangingPunct="1">
              <a:lnSpc>
                <a:spcPct val="90000"/>
              </a:lnSpc>
              <a:spcBef>
                <a:spcPts val="300"/>
              </a:spcBef>
              <a:spcAft>
                <a:spcPts val="600"/>
              </a:spcAft>
              <a:buClr>
                <a:schemeClr val="accent2"/>
              </a:buClr>
              <a:buFont typeface="Arial" panose="020B0604020202020204" pitchFamily="34" charset="0"/>
              <a:buChar char="•"/>
              <a:defRPr sz="1250" kern="1200">
                <a:solidFill>
                  <a:schemeClr val="tx1"/>
                </a:solidFill>
                <a:latin typeface="+mn-lt"/>
                <a:ea typeface="+mn-ea"/>
                <a:cs typeface="+mn-cs"/>
              </a:defRPr>
            </a:lvl2pPr>
            <a:lvl3pPr marL="540000" indent="-180000" algn="l" defTabSz="914400" rtl="0" eaLnBrk="1" latinLnBrk="0" hangingPunct="1">
              <a:lnSpc>
                <a:spcPct val="90000"/>
              </a:lnSpc>
              <a:spcBef>
                <a:spcPts val="300"/>
              </a:spcBef>
              <a:spcAft>
                <a:spcPts val="600"/>
              </a:spcAft>
              <a:buClr>
                <a:schemeClr val="accent2"/>
              </a:buClr>
              <a:buFont typeface="Arial" panose="020B0604020202020204" pitchFamily="34" charset="0"/>
              <a:buChar char="•"/>
              <a:defRPr sz="1100" kern="1200">
                <a:solidFill>
                  <a:schemeClr val="tx1"/>
                </a:solidFill>
                <a:latin typeface="+mn-lt"/>
                <a:ea typeface="+mn-ea"/>
                <a:cs typeface="+mn-cs"/>
              </a:defRPr>
            </a:lvl3pPr>
            <a:lvl4pPr marL="0" indent="0" algn="l" defTabSz="914400" rtl="0" eaLnBrk="1" latinLnBrk="0" hangingPunct="1">
              <a:lnSpc>
                <a:spcPct val="90000"/>
              </a:lnSpc>
              <a:spcBef>
                <a:spcPts val="0"/>
              </a:spcBef>
              <a:spcAft>
                <a:spcPts val="600"/>
              </a:spcAft>
              <a:buFont typeface="Arial" panose="020B0604020202020204" pitchFamily="34" charset="0"/>
              <a:buChar char="​"/>
              <a:defRPr sz="1600" b="1" kern="1200">
                <a:solidFill>
                  <a:schemeClr val="accent2"/>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1600" i="0" kern="1200">
                <a:solidFill>
                  <a:schemeClr val="tx1"/>
                </a:solidFill>
                <a:latin typeface="+mn-lt"/>
                <a:ea typeface="+mn-ea"/>
                <a:cs typeface="+mn-cs"/>
              </a:defRPr>
            </a:lvl5pPr>
            <a:lvl6pPr marL="0" indent="0" algn="l" defTabSz="914400" rtl="0" eaLnBrk="1" latinLnBrk="0" hangingPunct="1">
              <a:lnSpc>
                <a:spcPct val="90000"/>
              </a:lnSpc>
              <a:spcBef>
                <a:spcPts val="0"/>
              </a:spcBef>
              <a:spcAft>
                <a:spcPts val="600"/>
              </a:spcAft>
              <a:buClr>
                <a:schemeClr val="accent1"/>
              </a:buClr>
              <a:buFont typeface="Arial" panose="020B0604020202020204" pitchFamily="34" charset="0"/>
              <a:buChar char="​"/>
              <a:defRPr sz="2350" i="1" kern="1200">
                <a:solidFill>
                  <a:schemeClr val="tx1"/>
                </a:solidFill>
                <a:latin typeface="Maersk Headline Office" panose="00000500000000000000" pitchFamily="2" charset="0"/>
                <a:ea typeface="+mn-ea"/>
                <a:cs typeface="+mn-cs"/>
              </a:defRPr>
            </a:lvl6pPr>
            <a:lvl7pPr marL="0" indent="0" algn="l" defTabSz="914400" rtl="0" eaLnBrk="1" latinLnBrk="0" hangingPunct="1">
              <a:lnSpc>
                <a:spcPct val="90000"/>
              </a:lnSpc>
              <a:spcBef>
                <a:spcPts val="0"/>
              </a:spcBef>
              <a:spcAft>
                <a:spcPts val="600"/>
              </a:spcAft>
              <a:buFont typeface="Arial" panose="020B0604020202020204" pitchFamily="34" charset="0"/>
              <a:buChar char="​"/>
              <a:defRPr sz="600" b="0" kern="1200" baseline="0">
                <a:solidFill>
                  <a:schemeClr val="tx2"/>
                </a:solidFill>
                <a:latin typeface="+mn-lt"/>
                <a:ea typeface="+mn-ea"/>
                <a:cs typeface="+mn-cs"/>
              </a:defRPr>
            </a:lvl7pPr>
            <a:lvl8pPr marL="0" indent="0" algn="l" defTabSz="914400" rtl="0" eaLnBrk="1" latinLnBrk="0" hangingPunct="1">
              <a:lnSpc>
                <a:spcPct val="90000"/>
              </a:lnSpc>
              <a:spcBef>
                <a:spcPts val="0"/>
              </a:spcBef>
              <a:spcAft>
                <a:spcPts val="600"/>
              </a:spcAft>
              <a:buFont typeface="Arial" panose="020B0604020202020204" pitchFamily="34" charset="0"/>
              <a:buChar char="​"/>
              <a:defRPr sz="500" b="0" kern="1200">
                <a:solidFill>
                  <a:schemeClr val="tx2"/>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6000" kern="1200" baseline="0">
                <a:solidFill>
                  <a:schemeClr val="accent1"/>
                </a:solidFill>
                <a:latin typeface="+mj-lt"/>
                <a:ea typeface="+mn-ea"/>
                <a:cs typeface="+mn-cs"/>
              </a:defRPr>
            </a:lvl9pPr>
          </a:lstStyle>
          <a:p>
            <a:pPr marL="179705" indent="-179705"/>
            <a:r>
              <a:rPr lang="en-US" sz="1800">
                <a:ea typeface="+mn-lt"/>
                <a:cs typeface="+mn-lt"/>
              </a:rPr>
              <a:t>Current situation :  "</a:t>
            </a:r>
            <a:r>
              <a:rPr lang="en-US" sz="1800" b="1" i="1">
                <a:ea typeface="+mn-lt"/>
                <a:cs typeface="+mn-lt"/>
              </a:rPr>
              <a:t>The company has heard about the usefulness of the tool but has been reluctant to implement it for some reasons</a:t>
            </a:r>
            <a:r>
              <a:rPr lang="en-US" sz="1800">
                <a:ea typeface="+mn-lt"/>
                <a:cs typeface="+mn-lt"/>
              </a:rPr>
              <a:t>"</a:t>
            </a:r>
          </a:p>
        </p:txBody>
      </p:sp>
      <p:sp>
        <p:nvSpPr>
          <p:cNvPr id="8" name="Content Placeholder 2">
            <a:extLst>
              <a:ext uri="{FF2B5EF4-FFF2-40B4-BE49-F238E27FC236}">
                <a16:creationId xmlns:a16="http://schemas.microsoft.com/office/drawing/2014/main" id="{E2EA807B-76F2-4CBD-8E74-D9123BC72277}"/>
              </a:ext>
            </a:extLst>
          </p:cNvPr>
          <p:cNvSpPr txBox="1">
            <a:spLocks/>
          </p:cNvSpPr>
          <p:nvPr/>
        </p:nvSpPr>
        <p:spPr>
          <a:xfrm>
            <a:off x="440797" y="1402292"/>
            <a:ext cx="7259636" cy="526522"/>
          </a:xfrm>
          <a:prstGeom prst="rect">
            <a:avLst/>
          </a:prstGeom>
        </p:spPr>
        <p:txBody>
          <a:bodyPr vert="horz" lIns="0" tIns="0" rIns="0" bIns="0" rtlCol="0" anchor="t">
            <a:noAutofit/>
          </a:bodyPr>
          <a:lstStyle>
            <a:lvl1pPr marL="180000" indent="-180000" algn="l" defTabSz="914400" rtl="0" eaLnBrk="1" latinLnBrk="0" hangingPunct="1">
              <a:lnSpc>
                <a:spcPct val="90000"/>
              </a:lnSpc>
              <a:spcBef>
                <a:spcPts val="0"/>
              </a:spcBef>
              <a:spcAft>
                <a:spcPts val="600"/>
              </a:spcAft>
              <a:buClr>
                <a:schemeClr val="accent2"/>
              </a:buClr>
              <a:buFont typeface="Arial" panose="020B0604020202020204" pitchFamily="34" charset="0"/>
              <a:buChar char="•"/>
              <a:defRPr sz="1600" kern="1200">
                <a:solidFill>
                  <a:schemeClr val="tx1"/>
                </a:solidFill>
                <a:latin typeface="+mn-lt"/>
                <a:ea typeface="+mn-ea"/>
                <a:cs typeface="+mn-cs"/>
              </a:defRPr>
            </a:lvl1pPr>
            <a:lvl2pPr marL="360000" indent="-180000" algn="l" defTabSz="914400" rtl="0" eaLnBrk="1" latinLnBrk="0" hangingPunct="1">
              <a:lnSpc>
                <a:spcPct val="90000"/>
              </a:lnSpc>
              <a:spcBef>
                <a:spcPts val="300"/>
              </a:spcBef>
              <a:spcAft>
                <a:spcPts val="600"/>
              </a:spcAft>
              <a:buClr>
                <a:schemeClr val="accent2"/>
              </a:buClr>
              <a:buFont typeface="Arial" panose="020B0604020202020204" pitchFamily="34" charset="0"/>
              <a:buChar char="•"/>
              <a:defRPr sz="1250" kern="1200">
                <a:solidFill>
                  <a:schemeClr val="tx1"/>
                </a:solidFill>
                <a:latin typeface="+mn-lt"/>
                <a:ea typeface="+mn-ea"/>
                <a:cs typeface="+mn-cs"/>
              </a:defRPr>
            </a:lvl2pPr>
            <a:lvl3pPr marL="540000" indent="-180000" algn="l" defTabSz="914400" rtl="0" eaLnBrk="1" latinLnBrk="0" hangingPunct="1">
              <a:lnSpc>
                <a:spcPct val="90000"/>
              </a:lnSpc>
              <a:spcBef>
                <a:spcPts val="300"/>
              </a:spcBef>
              <a:spcAft>
                <a:spcPts val="600"/>
              </a:spcAft>
              <a:buClr>
                <a:schemeClr val="accent2"/>
              </a:buClr>
              <a:buFont typeface="Arial" panose="020B0604020202020204" pitchFamily="34" charset="0"/>
              <a:buChar char="•"/>
              <a:defRPr sz="1100" kern="1200">
                <a:solidFill>
                  <a:schemeClr val="tx1"/>
                </a:solidFill>
                <a:latin typeface="+mn-lt"/>
                <a:ea typeface="+mn-ea"/>
                <a:cs typeface="+mn-cs"/>
              </a:defRPr>
            </a:lvl3pPr>
            <a:lvl4pPr marL="0" indent="0" algn="l" defTabSz="914400" rtl="0" eaLnBrk="1" latinLnBrk="0" hangingPunct="1">
              <a:lnSpc>
                <a:spcPct val="90000"/>
              </a:lnSpc>
              <a:spcBef>
                <a:spcPts val="0"/>
              </a:spcBef>
              <a:spcAft>
                <a:spcPts val="600"/>
              </a:spcAft>
              <a:buFont typeface="Arial" panose="020B0604020202020204" pitchFamily="34" charset="0"/>
              <a:buChar char="​"/>
              <a:defRPr sz="1600" b="1" kern="1200">
                <a:solidFill>
                  <a:schemeClr val="accent2"/>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1600" i="0" kern="1200">
                <a:solidFill>
                  <a:schemeClr val="tx1"/>
                </a:solidFill>
                <a:latin typeface="+mn-lt"/>
                <a:ea typeface="+mn-ea"/>
                <a:cs typeface="+mn-cs"/>
              </a:defRPr>
            </a:lvl5pPr>
            <a:lvl6pPr marL="0" indent="0" algn="l" defTabSz="914400" rtl="0" eaLnBrk="1" latinLnBrk="0" hangingPunct="1">
              <a:lnSpc>
                <a:spcPct val="90000"/>
              </a:lnSpc>
              <a:spcBef>
                <a:spcPts val="0"/>
              </a:spcBef>
              <a:spcAft>
                <a:spcPts val="600"/>
              </a:spcAft>
              <a:buClr>
                <a:schemeClr val="accent1"/>
              </a:buClr>
              <a:buFont typeface="Arial" panose="020B0604020202020204" pitchFamily="34" charset="0"/>
              <a:buChar char="​"/>
              <a:defRPr sz="2350" i="1" kern="1200">
                <a:solidFill>
                  <a:schemeClr val="tx1"/>
                </a:solidFill>
                <a:latin typeface="Maersk Headline Office" panose="00000500000000000000" pitchFamily="2" charset="0"/>
                <a:ea typeface="+mn-ea"/>
                <a:cs typeface="+mn-cs"/>
              </a:defRPr>
            </a:lvl6pPr>
            <a:lvl7pPr marL="0" indent="0" algn="l" defTabSz="914400" rtl="0" eaLnBrk="1" latinLnBrk="0" hangingPunct="1">
              <a:lnSpc>
                <a:spcPct val="90000"/>
              </a:lnSpc>
              <a:spcBef>
                <a:spcPts val="0"/>
              </a:spcBef>
              <a:spcAft>
                <a:spcPts val="600"/>
              </a:spcAft>
              <a:buFont typeface="Arial" panose="020B0604020202020204" pitchFamily="34" charset="0"/>
              <a:buChar char="​"/>
              <a:defRPr sz="600" b="0" kern="1200" baseline="0">
                <a:solidFill>
                  <a:schemeClr val="tx2"/>
                </a:solidFill>
                <a:latin typeface="+mn-lt"/>
                <a:ea typeface="+mn-ea"/>
                <a:cs typeface="+mn-cs"/>
              </a:defRPr>
            </a:lvl7pPr>
            <a:lvl8pPr marL="0" indent="0" algn="l" defTabSz="914400" rtl="0" eaLnBrk="1" latinLnBrk="0" hangingPunct="1">
              <a:lnSpc>
                <a:spcPct val="90000"/>
              </a:lnSpc>
              <a:spcBef>
                <a:spcPts val="0"/>
              </a:spcBef>
              <a:spcAft>
                <a:spcPts val="600"/>
              </a:spcAft>
              <a:buFont typeface="Arial" panose="020B0604020202020204" pitchFamily="34" charset="0"/>
              <a:buChar char="​"/>
              <a:defRPr sz="500" b="0" kern="1200">
                <a:solidFill>
                  <a:schemeClr val="tx2"/>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6000" kern="1200" baseline="0">
                <a:solidFill>
                  <a:schemeClr val="accent1"/>
                </a:solidFill>
                <a:latin typeface="+mj-lt"/>
                <a:ea typeface="+mn-ea"/>
                <a:cs typeface="+mn-cs"/>
              </a:defRPr>
            </a:lvl9pPr>
          </a:lstStyle>
          <a:p>
            <a:pPr marL="179705" indent="-179705"/>
            <a:r>
              <a:rPr lang="en-US" sz="1800">
                <a:ea typeface="+mn-lt"/>
                <a:cs typeface="+mn-lt"/>
              </a:rPr>
              <a:t>Why is the Fishbone diagram "</a:t>
            </a:r>
            <a:r>
              <a:rPr lang="en-US" sz="1800" b="1">
                <a:ea typeface="+mn-lt"/>
                <a:cs typeface="+mn-lt"/>
              </a:rPr>
              <a:t>Relevant</a:t>
            </a:r>
            <a:r>
              <a:rPr lang="en-US" sz="1800">
                <a:ea typeface="+mn-lt"/>
                <a:cs typeface="+mn-lt"/>
              </a:rPr>
              <a:t>" to the case study ?</a:t>
            </a:r>
          </a:p>
          <a:p>
            <a:pPr marL="0" indent="0">
              <a:buFont typeface="Arial" panose="020B0604020202020204" pitchFamily="34" charset="0"/>
              <a:buNone/>
            </a:pPr>
            <a:r>
              <a:rPr lang="en-US" sz="1800"/>
              <a:t>    - Probe deeper to the current situation</a:t>
            </a:r>
            <a:br>
              <a:rPr lang="en-US" sz="1800">
                <a:ea typeface="+mn-lt"/>
                <a:cs typeface="+mn-lt"/>
              </a:rPr>
            </a:br>
            <a:br>
              <a:rPr lang="en-US" sz="1800">
                <a:ea typeface="+mn-lt"/>
                <a:cs typeface="+mn-lt"/>
              </a:rPr>
            </a:br>
            <a:r>
              <a:rPr lang="en-US" sz="1800">
                <a:ea typeface="+mn-lt"/>
                <a:cs typeface="+mn-lt"/>
              </a:rPr>
              <a:t> </a:t>
            </a:r>
            <a:endParaRPr lang="en-US" sz="1800"/>
          </a:p>
          <a:p>
            <a:pPr marL="179705" indent="-179705"/>
            <a:endParaRPr lang="en-US" sz="1800"/>
          </a:p>
        </p:txBody>
      </p:sp>
      <p:pic>
        <p:nvPicPr>
          <p:cNvPr id="12" name="Graphic 12" descr="Board Of Directors">
            <a:extLst>
              <a:ext uri="{FF2B5EF4-FFF2-40B4-BE49-F238E27FC236}">
                <a16:creationId xmlns:a16="http://schemas.microsoft.com/office/drawing/2014/main" id="{4BBDDBE3-9474-4A2A-8F83-889B3CEB92DB}"/>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9668932" y="3369734"/>
            <a:ext cx="1049866" cy="1049866"/>
          </a:xfrm>
          <a:prstGeom prst="rect">
            <a:avLst/>
          </a:prstGeom>
        </p:spPr>
      </p:pic>
      <p:pic>
        <p:nvPicPr>
          <p:cNvPr id="13" name="Graphic 13" descr="Completed">
            <a:extLst>
              <a:ext uri="{FF2B5EF4-FFF2-40B4-BE49-F238E27FC236}">
                <a16:creationId xmlns:a16="http://schemas.microsoft.com/office/drawing/2014/main" id="{E3D0F1C2-BDF9-4259-A8B0-529FD3A88A00}"/>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9490075" y="735541"/>
            <a:ext cx="1413933" cy="1413933"/>
          </a:xfrm>
          <a:prstGeom prst="rect">
            <a:avLst/>
          </a:prstGeom>
        </p:spPr>
      </p:pic>
      <p:pic>
        <p:nvPicPr>
          <p:cNvPr id="14" name="Graphic 14" descr="Connections">
            <a:extLst>
              <a:ext uri="{FF2B5EF4-FFF2-40B4-BE49-F238E27FC236}">
                <a16:creationId xmlns:a16="http://schemas.microsoft.com/office/drawing/2014/main" id="{64A615E8-201F-415A-A6CD-69BA8CE0321B}"/>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9573683" y="2148418"/>
            <a:ext cx="1083733" cy="1083733"/>
          </a:xfrm>
          <a:prstGeom prst="rect">
            <a:avLst/>
          </a:prstGeom>
        </p:spPr>
      </p:pic>
      <p:pic>
        <p:nvPicPr>
          <p:cNvPr id="15" name="Graphic 15" descr="Customer review">
            <a:extLst>
              <a:ext uri="{FF2B5EF4-FFF2-40B4-BE49-F238E27FC236}">
                <a16:creationId xmlns:a16="http://schemas.microsoft.com/office/drawing/2014/main" id="{1373C73C-1BA3-4867-9E22-9660274BE36F}"/>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9657293" y="4661959"/>
            <a:ext cx="1083733" cy="1083733"/>
          </a:xfrm>
          <a:prstGeom prst="rect">
            <a:avLst/>
          </a:prstGeom>
        </p:spPr>
      </p:pic>
      <p:cxnSp>
        <p:nvCxnSpPr>
          <p:cNvPr id="18" name="Straight Arrow Connector 17">
            <a:extLst>
              <a:ext uri="{FF2B5EF4-FFF2-40B4-BE49-F238E27FC236}">
                <a16:creationId xmlns:a16="http://schemas.microsoft.com/office/drawing/2014/main" id="{3BDAC876-CAAB-4371-962C-7D5376554C56}"/>
              </a:ext>
            </a:extLst>
          </p:cNvPr>
          <p:cNvCxnSpPr/>
          <p:nvPr/>
        </p:nvCxnSpPr>
        <p:spPr>
          <a:xfrm flipV="1">
            <a:off x="465668" y="2226733"/>
            <a:ext cx="6917266" cy="1"/>
          </a:xfrm>
          <a:prstGeom prst="straightConnector1">
            <a:avLst/>
          </a:prstGeom>
          <a:ln/>
        </p:spPr>
        <p:style>
          <a:lnRef idx="1">
            <a:schemeClr val="accent2"/>
          </a:lnRef>
          <a:fillRef idx="0">
            <a:schemeClr val="accent2"/>
          </a:fillRef>
          <a:effectRef idx="0">
            <a:schemeClr val="accent2"/>
          </a:effectRef>
          <a:fontRef idx="minor">
            <a:schemeClr val="tx1"/>
          </a:fontRef>
        </p:style>
      </p:cxnSp>
      <p:cxnSp>
        <p:nvCxnSpPr>
          <p:cNvPr id="19" name="Straight Arrow Connector 18">
            <a:extLst>
              <a:ext uri="{FF2B5EF4-FFF2-40B4-BE49-F238E27FC236}">
                <a16:creationId xmlns:a16="http://schemas.microsoft.com/office/drawing/2014/main" id="{9FB863CD-6FAE-4795-8C9D-C5599B844228}"/>
              </a:ext>
            </a:extLst>
          </p:cNvPr>
          <p:cNvCxnSpPr>
            <a:cxnSpLocks/>
          </p:cNvCxnSpPr>
          <p:nvPr/>
        </p:nvCxnSpPr>
        <p:spPr>
          <a:xfrm flipV="1">
            <a:off x="465668" y="3428999"/>
            <a:ext cx="6917266" cy="1"/>
          </a:xfrm>
          <a:prstGeom prst="straightConnector1">
            <a:avLst/>
          </a:prstGeom>
          <a:ln/>
        </p:spPr>
        <p:style>
          <a:lnRef idx="1">
            <a:schemeClr val="accent2"/>
          </a:lnRef>
          <a:fillRef idx="0">
            <a:schemeClr val="accent2"/>
          </a:fillRef>
          <a:effectRef idx="0">
            <a:schemeClr val="accent2"/>
          </a:effectRef>
          <a:fontRef idx="minor">
            <a:schemeClr val="tx1"/>
          </a:fontRef>
        </p:style>
      </p:cxnSp>
      <p:sp>
        <p:nvSpPr>
          <p:cNvPr id="21" name="Content Placeholder 2">
            <a:extLst>
              <a:ext uri="{FF2B5EF4-FFF2-40B4-BE49-F238E27FC236}">
                <a16:creationId xmlns:a16="http://schemas.microsoft.com/office/drawing/2014/main" id="{0053DE70-9568-469E-94A7-A7587E880326}"/>
              </a:ext>
            </a:extLst>
          </p:cNvPr>
          <p:cNvSpPr txBox="1">
            <a:spLocks/>
          </p:cNvSpPr>
          <p:nvPr/>
        </p:nvSpPr>
        <p:spPr>
          <a:xfrm>
            <a:off x="483130" y="4661959"/>
            <a:ext cx="7208837" cy="509587"/>
          </a:xfrm>
          <a:prstGeom prst="rect">
            <a:avLst/>
          </a:prstGeom>
        </p:spPr>
        <p:txBody>
          <a:bodyPr vert="horz" lIns="0" tIns="0" rIns="0" bIns="0" rtlCol="0" anchor="t">
            <a:noAutofit/>
          </a:bodyPr>
          <a:lstStyle>
            <a:lvl1pPr marL="180000" indent="-180000" algn="l" defTabSz="914400" rtl="0" eaLnBrk="1" latinLnBrk="0" hangingPunct="1">
              <a:lnSpc>
                <a:spcPct val="90000"/>
              </a:lnSpc>
              <a:spcBef>
                <a:spcPts val="0"/>
              </a:spcBef>
              <a:spcAft>
                <a:spcPts val="600"/>
              </a:spcAft>
              <a:buClr>
                <a:schemeClr val="accent2"/>
              </a:buClr>
              <a:buFont typeface="Arial" panose="020B0604020202020204" pitchFamily="34" charset="0"/>
              <a:buChar char="•"/>
              <a:defRPr sz="1600" kern="1200">
                <a:solidFill>
                  <a:schemeClr val="tx1"/>
                </a:solidFill>
                <a:latin typeface="+mn-lt"/>
                <a:ea typeface="+mn-ea"/>
                <a:cs typeface="+mn-cs"/>
              </a:defRPr>
            </a:lvl1pPr>
            <a:lvl2pPr marL="360000" indent="-180000" algn="l" defTabSz="914400" rtl="0" eaLnBrk="1" latinLnBrk="0" hangingPunct="1">
              <a:lnSpc>
                <a:spcPct val="90000"/>
              </a:lnSpc>
              <a:spcBef>
                <a:spcPts val="300"/>
              </a:spcBef>
              <a:spcAft>
                <a:spcPts val="600"/>
              </a:spcAft>
              <a:buClr>
                <a:schemeClr val="accent2"/>
              </a:buClr>
              <a:buFont typeface="Arial" panose="020B0604020202020204" pitchFamily="34" charset="0"/>
              <a:buChar char="•"/>
              <a:defRPr sz="1250" kern="1200">
                <a:solidFill>
                  <a:schemeClr val="tx1"/>
                </a:solidFill>
                <a:latin typeface="+mn-lt"/>
                <a:ea typeface="+mn-ea"/>
                <a:cs typeface="+mn-cs"/>
              </a:defRPr>
            </a:lvl2pPr>
            <a:lvl3pPr marL="540000" indent="-180000" algn="l" defTabSz="914400" rtl="0" eaLnBrk="1" latinLnBrk="0" hangingPunct="1">
              <a:lnSpc>
                <a:spcPct val="90000"/>
              </a:lnSpc>
              <a:spcBef>
                <a:spcPts val="300"/>
              </a:spcBef>
              <a:spcAft>
                <a:spcPts val="600"/>
              </a:spcAft>
              <a:buClr>
                <a:schemeClr val="accent2"/>
              </a:buClr>
              <a:buFont typeface="Arial" panose="020B0604020202020204" pitchFamily="34" charset="0"/>
              <a:buChar char="•"/>
              <a:defRPr sz="1100" kern="1200">
                <a:solidFill>
                  <a:schemeClr val="tx1"/>
                </a:solidFill>
                <a:latin typeface="+mn-lt"/>
                <a:ea typeface="+mn-ea"/>
                <a:cs typeface="+mn-cs"/>
              </a:defRPr>
            </a:lvl3pPr>
            <a:lvl4pPr marL="0" indent="0" algn="l" defTabSz="914400" rtl="0" eaLnBrk="1" latinLnBrk="0" hangingPunct="1">
              <a:lnSpc>
                <a:spcPct val="90000"/>
              </a:lnSpc>
              <a:spcBef>
                <a:spcPts val="0"/>
              </a:spcBef>
              <a:spcAft>
                <a:spcPts val="600"/>
              </a:spcAft>
              <a:buFont typeface="Arial" panose="020B0604020202020204" pitchFamily="34" charset="0"/>
              <a:buChar char="​"/>
              <a:defRPr sz="1600" b="1" kern="1200">
                <a:solidFill>
                  <a:schemeClr val="accent2"/>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1600" i="0" kern="1200">
                <a:solidFill>
                  <a:schemeClr val="tx1"/>
                </a:solidFill>
                <a:latin typeface="+mn-lt"/>
                <a:ea typeface="+mn-ea"/>
                <a:cs typeface="+mn-cs"/>
              </a:defRPr>
            </a:lvl5pPr>
            <a:lvl6pPr marL="0" indent="0" algn="l" defTabSz="914400" rtl="0" eaLnBrk="1" latinLnBrk="0" hangingPunct="1">
              <a:lnSpc>
                <a:spcPct val="90000"/>
              </a:lnSpc>
              <a:spcBef>
                <a:spcPts val="0"/>
              </a:spcBef>
              <a:spcAft>
                <a:spcPts val="600"/>
              </a:spcAft>
              <a:buClr>
                <a:schemeClr val="accent1"/>
              </a:buClr>
              <a:buFont typeface="Arial" panose="020B0604020202020204" pitchFamily="34" charset="0"/>
              <a:buChar char="​"/>
              <a:defRPr sz="2350" i="1" kern="1200">
                <a:solidFill>
                  <a:schemeClr val="tx1"/>
                </a:solidFill>
                <a:latin typeface="Maersk Headline Office" panose="00000500000000000000" pitchFamily="2" charset="0"/>
                <a:ea typeface="+mn-ea"/>
                <a:cs typeface="+mn-cs"/>
              </a:defRPr>
            </a:lvl6pPr>
            <a:lvl7pPr marL="0" indent="0" algn="l" defTabSz="914400" rtl="0" eaLnBrk="1" latinLnBrk="0" hangingPunct="1">
              <a:lnSpc>
                <a:spcPct val="90000"/>
              </a:lnSpc>
              <a:spcBef>
                <a:spcPts val="0"/>
              </a:spcBef>
              <a:spcAft>
                <a:spcPts val="600"/>
              </a:spcAft>
              <a:buFont typeface="Arial" panose="020B0604020202020204" pitchFamily="34" charset="0"/>
              <a:buChar char="​"/>
              <a:defRPr sz="600" b="0" kern="1200" baseline="0">
                <a:solidFill>
                  <a:schemeClr val="tx2"/>
                </a:solidFill>
                <a:latin typeface="+mn-lt"/>
                <a:ea typeface="+mn-ea"/>
                <a:cs typeface="+mn-cs"/>
              </a:defRPr>
            </a:lvl7pPr>
            <a:lvl8pPr marL="0" indent="0" algn="l" defTabSz="914400" rtl="0" eaLnBrk="1" latinLnBrk="0" hangingPunct="1">
              <a:lnSpc>
                <a:spcPct val="90000"/>
              </a:lnSpc>
              <a:spcBef>
                <a:spcPts val="0"/>
              </a:spcBef>
              <a:spcAft>
                <a:spcPts val="600"/>
              </a:spcAft>
              <a:buFont typeface="Arial" panose="020B0604020202020204" pitchFamily="34" charset="0"/>
              <a:buChar char="​"/>
              <a:defRPr sz="500" b="0" kern="1200">
                <a:solidFill>
                  <a:schemeClr val="tx2"/>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6000" kern="1200" baseline="0">
                <a:solidFill>
                  <a:schemeClr val="accent1"/>
                </a:solidFill>
                <a:latin typeface="+mj-lt"/>
                <a:ea typeface="+mn-ea"/>
                <a:cs typeface="+mn-cs"/>
              </a:defRPr>
            </a:lvl9pPr>
          </a:lstStyle>
          <a:p>
            <a:pPr marL="0" indent="0">
              <a:buFont typeface="Arial" panose="020B0604020202020204" pitchFamily="34" charset="0"/>
              <a:buNone/>
            </a:pPr>
            <a:r>
              <a:rPr lang="en-US" sz="1800">
                <a:ea typeface="+mn-lt"/>
                <a:cs typeface="+mn-lt"/>
              </a:rPr>
              <a:t>- This analysis also serves as a visual way to </a:t>
            </a:r>
            <a:r>
              <a:rPr lang="en-US" sz="1800" i="1">
                <a:ea typeface="+mn-lt"/>
                <a:cs typeface="+mn-lt"/>
              </a:rPr>
              <a:t>prioritize</a:t>
            </a:r>
            <a:r>
              <a:rPr lang="en-US" sz="1800">
                <a:ea typeface="+mn-lt"/>
                <a:cs typeface="+mn-lt"/>
              </a:rPr>
              <a:t>, </a:t>
            </a:r>
            <a:r>
              <a:rPr lang="en-US" sz="1800" i="1">
                <a:ea typeface="+mn-lt"/>
                <a:cs typeface="+mn-lt"/>
              </a:rPr>
              <a:t>communicate </a:t>
            </a:r>
            <a:r>
              <a:rPr lang="en-US" sz="1800">
                <a:ea typeface="+mn-lt"/>
                <a:cs typeface="+mn-lt"/>
              </a:rPr>
              <a:t>and </a:t>
            </a:r>
            <a:r>
              <a:rPr lang="en-US" sz="1800" i="1">
                <a:ea typeface="+mn-lt"/>
                <a:cs typeface="+mn-lt"/>
              </a:rPr>
              <a:t>track </a:t>
            </a:r>
            <a:r>
              <a:rPr lang="en-US" sz="1800">
                <a:ea typeface="+mn-lt"/>
                <a:cs typeface="+mn-lt"/>
              </a:rPr>
              <a:t>how to </a:t>
            </a:r>
            <a:r>
              <a:rPr lang="en-US" sz="1800" b="1">
                <a:ea typeface="+mn-lt"/>
                <a:cs typeface="+mn-lt"/>
              </a:rPr>
              <a:t>act on the team’s findings</a:t>
            </a:r>
            <a:r>
              <a:rPr lang="en-US" sz="1800">
                <a:ea typeface="+mn-lt"/>
                <a:cs typeface="+mn-lt"/>
              </a:rPr>
              <a:t>.</a:t>
            </a:r>
          </a:p>
        </p:txBody>
      </p:sp>
      <p:sp>
        <p:nvSpPr>
          <p:cNvPr id="22" name="Content Placeholder 2">
            <a:extLst>
              <a:ext uri="{FF2B5EF4-FFF2-40B4-BE49-F238E27FC236}">
                <a16:creationId xmlns:a16="http://schemas.microsoft.com/office/drawing/2014/main" id="{A9F6EF23-8B2D-4ABF-A396-9963887B87E9}"/>
              </a:ext>
            </a:extLst>
          </p:cNvPr>
          <p:cNvSpPr txBox="1">
            <a:spLocks/>
          </p:cNvSpPr>
          <p:nvPr/>
        </p:nvSpPr>
        <p:spPr>
          <a:xfrm>
            <a:off x="457729" y="5296958"/>
            <a:ext cx="7259636" cy="543454"/>
          </a:xfrm>
          <a:prstGeom prst="rect">
            <a:avLst/>
          </a:prstGeom>
        </p:spPr>
        <p:txBody>
          <a:bodyPr vert="horz" lIns="0" tIns="0" rIns="0" bIns="0" rtlCol="0" anchor="t">
            <a:noAutofit/>
          </a:bodyPr>
          <a:lstStyle>
            <a:lvl1pPr marL="180000" indent="-180000" algn="l" defTabSz="914400" rtl="0" eaLnBrk="1" latinLnBrk="0" hangingPunct="1">
              <a:lnSpc>
                <a:spcPct val="90000"/>
              </a:lnSpc>
              <a:spcBef>
                <a:spcPts val="0"/>
              </a:spcBef>
              <a:spcAft>
                <a:spcPts val="600"/>
              </a:spcAft>
              <a:buClr>
                <a:schemeClr val="accent2"/>
              </a:buClr>
              <a:buFont typeface="Arial" panose="020B0604020202020204" pitchFamily="34" charset="0"/>
              <a:buChar char="•"/>
              <a:defRPr sz="1600" kern="1200">
                <a:solidFill>
                  <a:schemeClr val="tx1"/>
                </a:solidFill>
                <a:latin typeface="+mn-lt"/>
                <a:ea typeface="+mn-ea"/>
                <a:cs typeface="+mn-cs"/>
              </a:defRPr>
            </a:lvl1pPr>
            <a:lvl2pPr marL="360000" indent="-180000" algn="l" defTabSz="914400" rtl="0" eaLnBrk="1" latinLnBrk="0" hangingPunct="1">
              <a:lnSpc>
                <a:spcPct val="90000"/>
              </a:lnSpc>
              <a:spcBef>
                <a:spcPts val="300"/>
              </a:spcBef>
              <a:spcAft>
                <a:spcPts val="600"/>
              </a:spcAft>
              <a:buClr>
                <a:schemeClr val="accent2"/>
              </a:buClr>
              <a:buFont typeface="Arial" panose="020B0604020202020204" pitchFamily="34" charset="0"/>
              <a:buChar char="•"/>
              <a:defRPr sz="1250" kern="1200">
                <a:solidFill>
                  <a:schemeClr val="tx1"/>
                </a:solidFill>
                <a:latin typeface="+mn-lt"/>
                <a:ea typeface="+mn-ea"/>
                <a:cs typeface="+mn-cs"/>
              </a:defRPr>
            </a:lvl2pPr>
            <a:lvl3pPr marL="540000" indent="-180000" algn="l" defTabSz="914400" rtl="0" eaLnBrk="1" latinLnBrk="0" hangingPunct="1">
              <a:lnSpc>
                <a:spcPct val="90000"/>
              </a:lnSpc>
              <a:spcBef>
                <a:spcPts val="300"/>
              </a:spcBef>
              <a:spcAft>
                <a:spcPts val="600"/>
              </a:spcAft>
              <a:buClr>
                <a:schemeClr val="accent2"/>
              </a:buClr>
              <a:buFont typeface="Arial" panose="020B0604020202020204" pitchFamily="34" charset="0"/>
              <a:buChar char="•"/>
              <a:defRPr sz="1100" kern="1200">
                <a:solidFill>
                  <a:schemeClr val="tx1"/>
                </a:solidFill>
                <a:latin typeface="+mn-lt"/>
                <a:ea typeface="+mn-ea"/>
                <a:cs typeface="+mn-cs"/>
              </a:defRPr>
            </a:lvl3pPr>
            <a:lvl4pPr marL="0" indent="0" algn="l" defTabSz="914400" rtl="0" eaLnBrk="1" latinLnBrk="0" hangingPunct="1">
              <a:lnSpc>
                <a:spcPct val="90000"/>
              </a:lnSpc>
              <a:spcBef>
                <a:spcPts val="0"/>
              </a:spcBef>
              <a:spcAft>
                <a:spcPts val="600"/>
              </a:spcAft>
              <a:buFont typeface="Arial" panose="020B0604020202020204" pitchFamily="34" charset="0"/>
              <a:buChar char="​"/>
              <a:defRPr sz="1600" b="1" kern="1200">
                <a:solidFill>
                  <a:schemeClr val="accent2"/>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1600" i="0" kern="1200">
                <a:solidFill>
                  <a:schemeClr val="tx1"/>
                </a:solidFill>
                <a:latin typeface="+mn-lt"/>
                <a:ea typeface="+mn-ea"/>
                <a:cs typeface="+mn-cs"/>
              </a:defRPr>
            </a:lvl5pPr>
            <a:lvl6pPr marL="0" indent="0" algn="l" defTabSz="914400" rtl="0" eaLnBrk="1" latinLnBrk="0" hangingPunct="1">
              <a:lnSpc>
                <a:spcPct val="90000"/>
              </a:lnSpc>
              <a:spcBef>
                <a:spcPts val="0"/>
              </a:spcBef>
              <a:spcAft>
                <a:spcPts val="600"/>
              </a:spcAft>
              <a:buClr>
                <a:schemeClr val="accent1"/>
              </a:buClr>
              <a:buFont typeface="Arial" panose="020B0604020202020204" pitchFamily="34" charset="0"/>
              <a:buChar char="​"/>
              <a:defRPr sz="2350" i="1" kern="1200">
                <a:solidFill>
                  <a:schemeClr val="tx1"/>
                </a:solidFill>
                <a:latin typeface="Maersk Headline Office" panose="00000500000000000000" pitchFamily="2" charset="0"/>
                <a:ea typeface="+mn-ea"/>
                <a:cs typeface="+mn-cs"/>
              </a:defRPr>
            </a:lvl6pPr>
            <a:lvl7pPr marL="0" indent="0" algn="l" defTabSz="914400" rtl="0" eaLnBrk="1" latinLnBrk="0" hangingPunct="1">
              <a:lnSpc>
                <a:spcPct val="90000"/>
              </a:lnSpc>
              <a:spcBef>
                <a:spcPts val="0"/>
              </a:spcBef>
              <a:spcAft>
                <a:spcPts val="600"/>
              </a:spcAft>
              <a:buFont typeface="Arial" panose="020B0604020202020204" pitchFamily="34" charset="0"/>
              <a:buChar char="​"/>
              <a:defRPr sz="600" b="0" kern="1200" baseline="0">
                <a:solidFill>
                  <a:schemeClr val="tx2"/>
                </a:solidFill>
                <a:latin typeface="+mn-lt"/>
                <a:ea typeface="+mn-ea"/>
                <a:cs typeface="+mn-cs"/>
              </a:defRPr>
            </a:lvl7pPr>
            <a:lvl8pPr marL="0" indent="0" algn="l" defTabSz="914400" rtl="0" eaLnBrk="1" latinLnBrk="0" hangingPunct="1">
              <a:lnSpc>
                <a:spcPct val="90000"/>
              </a:lnSpc>
              <a:spcBef>
                <a:spcPts val="0"/>
              </a:spcBef>
              <a:spcAft>
                <a:spcPts val="600"/>
              </a:spcAft>
              <a:buFont typeface="Arial" panose="020B0604020202020204" pitchFamily="34" charset="0"/>
              <a:buChar char="​"/>
              <a:defRPr sz="500" b="0" kern="1200">
                <a:solidFill>
                  <a:schemeClr val="tx2"/>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6000" kern="1200" baseline="0">
                <a:solidFill>
                  <a:schemeClr val="accent1"/>
                </a:solidFill>
                <a:latin typeface="+mj-lt"/>
                <a:ea typeface="+mn-ea"/>
                <a:cs typeface="+mn-cs"/>
              </a:defRPr>
            </a:lvl9pPr>
          </a:lstStyle>
          <a:p>
            <a:pPr marL="179705" indent="-179705">
              <a:buFont typeface="Arial" panose="020B0604020202020204" pitchFamily="34" charset="0"/>
              <a:buNone/>
            </a:pPr>
            <a:r>
              <a:rPr lang="en-US" sz="1800">
                <a:ea typeface="+mn-lt"/>
                <a:cs typeface="+mn-lt"/>
              </a:rPr>
              <a:t>- It helps reveal the </a:t>
            </a:r>
            <a:r>
              <a:rPr lang="en-US" sz="1800" i="1">
                <a:ea typeface="+mn-lt"/>
                <a:cs typeface="+mn-lt"/>
              </a:rPr>
              <a:t>relations</a:t>
            </a:r>
            <a:r>
              <a:rPr lang="en-US" sz="1800">
                <a:ea typeface="+mn-lt"/>
                <a:cs typeface="+mn-lt"/>
              </a:rPr>
              <a:t> between a </a:t>
            </a:r>
            <a:r>
              <a:rPr lang="en-US" sz="1800" b="1">
                <a:ea typeface="+mn-lt"/>
                <a:cs typeface="+mn-lt"/>
              </a:rPr>
              <a:t>problem</a:t>
            </a:r>
            <a:r>
              <a:rPr lang="en-US" sz="1800">
                <a:ea typeface="+mn-lt"/>
                <a:cs typeface="+mn-lt"/>
              </a:rPr>
              <a:t> identified in a process and its </a:t>
            </a:r>
            <a:r>
              <a:rPr lang="en-US" sz="1800" b="1">
                <a:ea typeface="+mn-lt"/>
                <a:cs typeface="+mn-lt"/>
              </a:rPr>
              <a:t>potential causes</a:t>
            </a:r>
            <a:r>
              <a:rPr lang="en-US" sz="1800">
                <a:ea typeface="+mn-lt"/>
                <a:cs typeface="+mn-lt"/>
              </a:rPr>
              <a:t>. </a:t>
            </a:r>
            <a:endParaRPr lang="en-US"/>
          </a:p>
        </p:txBody>
      </p:sp>
    </p:spTree>
    <p:extLst>
      <p:ext uri="{BB962C8B-B14F-4D97-AF65-F5344CB8AC3E}">
        <p14:creationId xmlns:p14="http://schemas.microsoft.com/office/powerpoint/2010/main" val="322989177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3"/>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8"/>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6"/>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14"/>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19"/>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3"/>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12"/>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21"/>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nodeType="clickEffect">
                                  <p:stCondLst>
                                    <p:cond delay="0"/>
                                  </p:stCondLst>
                                  <p:childTnLst>
                                    <p:set>
                                      <p:cBhvr>
                                        <p:cTn id="46" dur="1" fill="hold">
                                          <p:stCondLst>
                                            <p:cond delay="0"/>
                                          </p:stCondLst>
                                        </p:cTn>
                                        <p:tgtEl>
                                          <p:spTgt spid="15"/>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grpId="0" nodeType="clickEffect">
                                  <p:stCondLst>
                                    <p:cond delay="0"/>
                                  </p:stCondLst>
                                  <p:childTnLst>
                                    <p:set>
                                      <p:cBhvr>
                                        <p:cTn id="50" dur="1" fill="hold">
                                          <p:stCondLst>
                                            <p:cond delay="0"/>
                                          </p:stCondLst>
                                        </p:cTn>
                                        <p:tgtEl>
                                          <p:spTgt spid="2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3" grpId="0"/>
      <p:bldP spid="6" grpId="0"/>
      <p:bldP spid="8" grpId="0"/>
      <p:bldP spid="21" grpId="0"/>
      <p:bldP spid="22" grpId="0"/>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8DE298EE-0638-410D-8EE9-15CF00298CCA}"/>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A204BC-C5BA-4EF4-ABC8-D45123A0C528}" type="slidenum">
              <a:rPr kumimoji="0" lang="en-GB" sz="1000" b="0" i="0" u="none" strike="noStrike" kern="1200" cap="none" spc="0" normalizeH="0" baseline="0" noProof="0" smtClean="0">
                <a:ln>
                  <a:noFill/>
                </a:ln>
                <a:solidFill>
                  <a:prstClr val="black"/>
                </a:solidFill>
                <a:effectLst/>
                <a:uLnTx/>
                <a:uFillTx/>
                <a:latin typeface="Maersk Text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8</a:t>
            </a:fld>
            <a:endParaRPr kumimoji="0" lang="en-GB" sz="1000" b="0" i="0" u="none" strike="noStrike" kern="1200" cap="none" spc="0" normalizeH="0" baseline="0" noProof="0">
              <a:ln>
                <a:noFill/>
              </a:ln>
              <a:solidFill>
                <a:prstClr val="black"/>
              </a:solidFill>
              <a:effectLst/>
              <a:uLnTx/>
              <a:uFillTx/>
              <a:latin typeface="Maersk Text Office"/>
              <a:ea typeface="+mn-ea"/>
              <a:cs typeface="+mn-cs"/>
            </a:endParaRPr>
          </a:p>
        </p:txBody>
      </p:sp>
      <p:pic>
        <p:nvPicPr>
          <p:cNvPr id="5" name="Picture 4" descr="A picture containing logo&#10;&#10;Description automatically generated">
            <a:extLst>
              <a:ext uri="{FF2B5EF4-FFF2-40B4-BE49-F238E27FC236}">
                <a16:creationId xmlns:a16="http://schemas.microsoft.com/office/drawing/2014/main" id="{A4124580-66BD-2549-97A6-B9DBCAB8AB5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109833" y="179654"/>
            <a:ext cx="896977" cy="896977"/>
          </a:xfrm>
          <a:prstGeom prst="rect">
            <a:avLst/>
          </a:prstGeom>
        </p:spPr>
      </p:pic>
      <p:sp>
        <p:nvSpPr>
          <p:cNvPr id="8" name="Title 1">
            <a:extLst>
              <a:ext uri="{FF2B5EF4-FFF2-40B4-BE49-F238E27FC236}">
                <a16:creationId xmlns:a16="http://schemas.microsoft.com/office/drawing/2014/main" id="{D4BE5431-6DC4-43BE-A14B-6F8E343C09FE}"/>
              </a:ext>
            </a:extLst>
          </p:cNvPr>
          <p:cNvSpPr txBox="1">
            <a:spLocks/>
          </p:cNvSpPr>
          <p:nvPr/>
        </p:nvSpPr>
        <p:spPr>
          <a:xfrm>
            <a:off x="483130" y="501650"/>
            <a:ext cx="7158036" cy="473605"/>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3000" kern="1200">
                <a:solidFill>
                  <a:schemeClr val="bg2"/>
                </a:solidFill>
                <a:latin typeface="+mj-lt"/>
                <a:ea typeface="+mj-ea"/>
                <a:cs typeface="+mj-cs"/>
              </a:defRPr>
            </a:lvl1pPr>
          </a:lstStyle>
          <a:p>
            <a:r>
              <a:rPr lang="da-DK"/>
              <a:t>Current state vs Future state :</a:t>
            </a:r>
            <a:endParaRPr lang="en-US"/>
          </a:p>
        </p:txBody>
      </p:sp>
      <p:pic>
        <p:nvPicPr>
          <p:cNvPr id="10" name="Picture 9" descr="A picture containing table&#10;&#10;Description automatically generated">
            <a:extLst>
              <a:ext uri="{FF2B5EF4-FFF2-40B4-BE49-F238E27FC236}">
                <a16:creationId xmlns:a16="http://schemas.microsoft.com/office/drawing/2014/main" id="{7C43B884-E736-446A-9DD4-F3CA8A7C0F47}"/>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412661" y="919251"/>
            <a:ext cx="9366677" cy="5319525"/>
          </a:xfrm>
          <a:prstGeom prst="rect">
            <a:avLst/>
          </a:prstGeom>
        </p:spPr>
      </p:pic>
      <p:pic>
        <p:nvPicPr>
          <p:cNvPr id="12" name="Picture 11" descr="Logo&#10;&#10;Description automatically generated">
            <a:extLst>
              <a:ext uri="{FF2B5EF4-FFF2-40B4-BE49-F238E27FC236}">
                <a16:creationId xmlns:a16="http://schemas.microsoft.com/office/drawing/2014/main" id="{EEFD158F-5D90-4944-B13B-EBC9D7269E75}"/>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229684" y="2818080"/>
            <a:ext cx="1044505" cy="497484"/>
          </a:xfrm>
          <a:prstGeom prst="rect">
            <a:avLst/>
          </a:prstGeom>
          <a:ln>
            <a:solidFill>
              <a:schemeClr val="bg2">
                <a:lumMod val="50000"/>
                <a:lumOff val="50000"/>
              </a:schemeClr>
            </a:solidFill>
          </a:ln>
        </p:spPr>
      </p:pic>
      <p:pic>
        <p:nvPicPr>
          <p:cNvPr id="13" name="Picture 12" descr="Logo&#10;&#10;Description automatically generated">
            <a:extLst>
              <a:ext uri="{FF2B5EF4-FFF2-40B4-BE49-F238E27FC236}">
                <a16:creationId xmlns:a16="http://schemas.microsoft.com/office/drawing/2014/main" id="{1690E6ED-3FBC-4E14-BF45-995A17BD56D8}"/>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9043181" y="1588185"/>
            <a:ext cx="1111347" cy="524220"/>
          </a:xfrm>
          <a:prstGeom prst="rect">
            <a:avLst/>
          </a:prstGeom>
          <a:ln>
            <a:solidFill>
              <a:schemeClr val="bg2">
                <a:lumMod val="50000"/>
                <a:lumOff val="50000"/>
              </a:schemeClr>
            </a:solidFill>
          </a:ln>
        </p:spPr>
      </p:pic>
      <p:cxnSp>
        <p:nvCxnSpPr>
          <p:cNvPr id="15" name="Straight Arrow Connector 14">
            <a:extLst>
              <a:ext uri="{FF2B5EF4-FFF2-40B4-BE49-F238E27FC236}">
                <a16:creationId xmlns:a16="http://schemas.microsoft.com/office/drawing/2014/main" id="{06C07EF5-075A-4C18-AE54-A752FDC8969C}"/>
              </a:ext>
            </a:extLst>
          </p:cNvPr>
          <p:cNvCxnSpPr>
            <a:cxnSpLocks/>
          </p:cNvCxnSpPr>
          <p:nvPr/>
        </p:nvCxnSpPr>
        <p:spPr>
          <a:xfrm flipV="1">
            <a:off x="6300925" y="1836926"/>
            <a:ext cx="2709044" cy="1256632"/>
          </a:xfrm>
          <a:prstGeom prst="straightConnector1">
            <a:avLst/>
          </a:prstGeom>
          <a:ln w="28575" cap="flat" cmpd="sng" algn="ctr">
            <a:solidFill>
              <a:schemeClr val="accent2"/>
            </a:solidFill>
            <a:prstDash val="sysDot"/>
            <a:round/>
            <a:headEnd type="none" w="med" len="med"/>
            <a:tailEnd type="arrow" w="med" len="med"/>
          </a:ln>
        </p:spPr>
        <p:style>
          <a:lnRef idx="0">
            <a:scrgbClr r="0" g="0" b="0"/>
          </a:lnRef>
          <a:fillRef idx="0">
            <a:scrgbClr r="0" g="0" b="0"/>
          </a:fillRef>
          <a:effectRef idx="0">
            <a:scrgbClr r="0" g="0" b="0"/>
          </a:effectRef>
          <a:fontRef idx="minor">
            <a:schemeClr val="tx1"/>
          </a:fontRef>
        </p:style>
      </p:cxnSp>
      <p:sp>
        <p:nvSpPr>
          <p:cNvPr id="3" name="Rectangle 2">
            <a:extLst>
              <a:ext uri="{FF2B5EF4-FFF2-40B4-BE49-F238E27FC236}">
                <a16:creationId xmlns:a16="http://schemas.microsoft.com/office/drawing/2014/main" id="{B5204A93-D9C2-4769-9F4F-87547C09FD95}"/>
              </a:ext>
            </a:extLst>
          </p:cNvPr>
          <p:cNvSpPr/>
          <p:nvPr/>
        </p:nvSpPr>
        <p:spPr>
          <a:xfrm>
            <a:off x="5351253" y="6235461"/>
            <a:ext cx="1489494" cy="368061"/>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US" sz="2000" noProof="0" err="1"/>
          </a:p>
        </p:txBody>
      </p:sp>
    </p:spTree>
    <p:custDataLst>
      <p:tags r:id="rId1"/>
    </p:custDataLst>
    <p:extLst>
      <p:ext uri="{BB962C8B-B14F-4D97-AF65-F5344CB8AC3E}">
        <p14:creationId xmlns:p14="http://schemas.microsoft.com/office/powerpoint/2010/main" val="28195071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2"/>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5"/>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1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8DE298EE-0638-410D-8EE9-15CF00298CCA}"/>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A204BC-C5BA-4EF4-ABC8-D45123A0C528}" type="slidenum">
              <a:rPr kumimoji="0" lang="en-GB" sz="1000" b="0" i="0" u="none" strike="noStrike" kern="1200" cap="none" spc="0" normalizeH="0" baseline="0" noProof="0" smtClean="0">
                <a:ln>
                  <a:noFill/>
                </a:ln>
                <a:solidFill>
                  <a:prstClr val="black"/>
                </a:solidFill>
                <a:effectLst/>
                <a:uLnTx/>
                <a:uFillTx/>
                <a:latin typeface="Maersk Text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9</a:t>
            </a:fld>
            <a:endParaRPr kumimoji="0" lang="en-GB" sz="1000" b="0" i="0" u="none" strike="noStrike" kern="1200" cap="none" spc="0" normalizeH="0" baseline="0" noProof="0">
              <a:ln>
                <a:noFill/>
              </a:ln>
              <a:solidFill>
                <a:prstClr val="black"/>
              </a:solidFill>
              <a:effectLst/>
              <a:uLnTx/>
              <a:uFillTx/>
              <a:latin typeface="Maersk Text Office"/>
              <a:ea typeface="+mn-ea"/>
              <a:cs typeface="+mn-cs"/>
            </a:endParaRPr>
          </a:p>
        </p:txBody>
      </p:sp>
      <p:sp>
        <p:nvSpPr>
          <p:cNvPr id="3" name="Title 2">
            <a:extLst>
              <a:ext uri="{FF2B5EF4-FFF2-40B4-BE49-F238E27FC236}">
                <a16:creationId xmlns:a16="http://schemas.microsoft.com/office/drawing/2014/main" id="{86F37277-9C42-4BD1-927E-7F1962FB1120}"/>
              </a:ext>
            </a:extLst>
          </p:cNvPr>
          <p:cNvSpPr>
            <a:spLocks noGrp="1"/>
          </p:cNvSpPr>
          <p:nvPr>
            <p:ph type="title"/>
          </p:nvPr>
        </p:nvSpPr>
        <p:spPr/>
        <p:txBody>
          <a:bodyPr/>
          <a:lstStyle/>
          <a:p>
            <a:r>
              <a:rPr lang="en-US"/>
              <a:t>Reflection</a:t>
            </a:r>
          </a:p>
        </p:txBody>
      </p:sp>
      <p:sp>
        <p:nvSpPr>
          <p:cNvPr id="6" name="Title 5">
            <a:extLst>
              <a:ext uri="{FF2B5EF4-FFF2-40B4-BE49-F238E27FC236}">
                <a16:creationId xmlns:a16="http://schemas.microsoft.com/office/drawing/2014/main" id="{2D81EBA2-E79D-4E73-80D8-CA877DCF40C7}"/>
              </a:ext>
            </a:extLst>
          </p:cNvPr>
          <p:cNvSpPr txBox="1">
            <a:spLocks/>
          </p:cNvSpPr>
          <p:nvPr/>
        </p:nvSpPr>
        <p:spPr>
          <a:xfrm>
            <a:off x="486694" y="1488157"/>
            <a:ext cx="10266997" cy="3944976"/>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3000" kern="1200">
                <a:solidFill>
                  <a:schemeClr val="bg2"/>
                </a:solidFill>
                <a:latin typeface="+mj-lt"/>
                <a:ea typeface="+mj-ea"/>
                <a:cs typeface="+mj-cs"/>
              </a:defRPr>
            </a:lvl1pPr>
          </a:lstStyle>
          <a:p>
            <a:pPr marL="342900" indent="-342900" algn="just">
              <a:buFont typeface="Arial,Sans-Serif"/>
              <a:buChar char="•"/>
            </a:pPr>
            <a:r>
              <a:rPr lang="en-GB" sz="2400">
                <a:ea typeface="+mj-lt"/>
                <a:cs typeface="+mj-lt"/>
              </a:rPr>
              <a:t>The framework shows a visual representation of complex and inter-related factors driving the tender process with a cause-effect approach over the long run. </a:t>
            </a:r>
            <a:endParaRPr lang="en-US" sz="2400">
              <a:ea typeface="+mj-lt"/>
              <a:cs typeface="+mj-lt"/>
            </a:endParaRPr>
          </a:p>
          <a:p>
            <a:pPr marL="285750" indent="-285750" algn="just">
              <a:buFont typeface="Arial"/>
              <a:buChar char="•"/>
            </a:pPr>
            <a:endParaRPr lang="en-GB" sz="2400">
              <a:ea typeface="+mj-lt"/>
              <a:cs typeface="+mj-lt"/>
            </a:endParaRPr>
          </a:p>
          <a:p>
            <a:pPr marL="342900" indent="-342900" algn="just">
              <a:buFont typeface="Arial"/>
              <a:buChar char="•"/>
            </a:pPr>
            <a:r>
              <a:rPr lang="en-GB" sz="2400">
                <a:ea typeface="+mj-lt"/>
                <a:cs typeface="+mj-lt"/>
              </a:rPr>
              <a:t>Fishbone diagram becomes a very useful instrument in risk identification. </a:t>
            </a:r>
            <a:endParaRPr lang="en-US" sz="2400">
              <a:ea typeface="+mj-lt"/>
              <a:cs typeface="+mj-lt"/>
            </a:endParaRPr>
          </a:p>
          <a:p>
            <a:pPr algn="just"/>
            <a:r>
              <a:rPr lang="en-GB" sz="2400">
                <a:solidFill>
                  <a:srgbClr val="00243D"/>
                </a:solidFill>
                <a:latin typeface="Maersk Headline Office Light"/>
                <a:ea typeface="+mj-lt"/>
                <a:cs typeface="+mj-lt"/>
              </a:rPr>
              <a:t>    -  Extending the applicability of the method. </a:t>
            </a:r>
            <a:endParaRPr lang="en-US" sz="2400">
              <a:solidFill>
                <a:srgbClr val="00243D"/>
              </a:solidFill>
              <a:latin typeface="Maersk Headline Office Light"/>
              <a:ea typeface="+mj-lt"/>
              <a:cs typeface="+mj-lt"/>
            </a:endParaRPr>
          </a:p>
          <a:p>
            <a:pPr algn="just"/>
            <a:r>
              <a:rPr lang="en-GB" sz="2400">
                <a:ea typeface="+mj-lt"/>
                <a:cs typeface="+mj-lt"/>
              </a:rPr>
              <a:t>    -  Including analysis of the impact. </a:t>
            </a:r>
            <a:endParaRPr lang="en-US" sz="2400">
              <a:ea typeface="+mj-lt"/>
              <a:cs typeface="+mj-lt"/>
            </a:endParaRPr>
          </a:p>
          <a:p>
            <a:pPr algn="just"/>
            <a:r>
              <a:rPr lang="en-GB" sz="2400">
                <a:ea typeface="+mj-lt"/>
                <a:cs typeface="+mj-lt"/>
              </a:rPr>
              <a:t>    -  Allowing to determining the risk score for each category. </a:t>
            </a:r>
            <a:endParaRPr lang="en-US" sz="2400">
              <a:ea typeface="+mj-lt"/>
              <a:cs typeface="+mj-lt"/>
            </a:endParaRPr>
          </a:p>
          <a:p>
            <a:pPr marL="342900" indent="-342900" algn="just">
              <a:buFont typeface="Arial"/>
              <a:buChar char="•"/>
            </a:pPr>
            <a:endParaRPr lang="en-GB" sz="2400"/>
          </a:p>
          <a:p>
            <a:pPr marL="342900" indent="-342900" algn="just">
              <a:buFont typeface="Arial"/>
              <a:buChar char="•"/>
            </a:pPr>
            <a:endParaRPr lang="en-GB" sz="2400"/>
          </a:p>
          <a:p>
            <a:pPr marL="457200" indent="-457200" algn="just">
              <a:buFontTx/>
              <a:buChar char="-"/>
            </a:pPr>
            <a:endParaRPr lang="en-GB" sz="2400" b="1"/>
          </a:p>
        </p:txBody>
      </p:sp>
      <p:pic>
        <p:nvPicPr>
          <p:cNvPr id="5" name="Picture 4" descr="A picture containing logo&#10;&#10;Description automatically generated">
            <a:extLst>
              <a:ext uri="{FF2B5EF4-FFF2-40B4-BE49-F238E27FC236}">
                <a16:creationId xmlns:a16="http://schemas.microsoft.com/office/drawing/2014/main" id="{A4124580-66BD-2549-97A6-B9DBCAB8AB5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109833" y="179654"/>
            <a:ext cx="896977" cy="896977"/>
          </a:xfrm>
          <a:prstGeom prst="rect">
            <a:avLst/>
          </a:prstGeom>
        </p:spPr>
      </p:pic>
    </p:spTree>
    <p:custDataLst>
      <p:tags r:id="rId1"/>
    </p:custDataLst>
    <p:extLst>
      <p:ext uri="{BB962C8B-B14F-4D97-AF65-F5344CB8AC3E}">
        <p14:creationId xmlns:p14="http://schemas.microsoft.com/office/powerpoint/2010/main" val="242463399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Placeholder 11">
            <a:extLst>
              <a:ext uri="{FF2B5EF4-FFF2-40B4-BE49-F238E27FC236}">
                <a16:creationId xmlns:a16="http://schemas.microsoft.com/office/drawing/2014/main" id="{DA5F6DEB-6755-4E4D-85AB-0BB9332B93C9}"/>
              </a:ext>
            </a:extLst>
          </p:cNvPr>
          <p:cNvPicPr>
            <a:picLocks noGrp="1" noChangeAspect="1"/>
          </p:cNvPicPr>
          <p:nvPr>
            <p:ph type="pic" sz="quarter" idx="13"/>
            <p:custDataLst>
              <p:tags r:id="rId1"/>
            </p:custDataLst>
          </p:nvPr>
        </p:nvPicPr>
        <p:blipFill rotWithShape="1">
          <a:blip r:embed="rId3">
            <a:extLst>
              <a:ext uri="{28A0092B-C50C-407E-A947-70E740481C1C}">
                <a14:useLocalDpi xmlns:a14="http://schemas.microsoft.com/office/drawing/2010/main" val="0"/>
              </a:ext>
            </a:extLst>
          </a:blip>
          <a:srcRect t="12409" b="12409"/>
          <a:stretch/>
        </p:blipFill>
        <p:spPr>
          <a:xfrm>
            <a:off x="0" y="-1"/>
            <a:ext cx="12193200" cy="6861600"/>
          </a:xfrm>
        </p:spPr>
      </p:pic>
      <p:sp>
        <p:nvSpPr>
          <p:cNvPr id="3" name="Footer Placeholder 2">
            <a:extLst>
              <a:ext uri="{FF2B5EF4-FFF2-40B4-BE49-F238E27FC236}">
                <a16:creationId xmlns:a16="http://schemas.microsoft.com/office/drawing/2014/main" id="{DF25A4CB-D18A-4E68-8C84-DA736166E6BF}"/>
              </a:ext>
            </a:extLst>
          </p:cNvPr>
          <p:cNvSpPr>
            <a:spLocks noGrp="1"/>
          </p:cNvSpPr>
          <p:nvPr>
            <p:ph type="ftr" sz="quarter" idx="16"/>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 b="0" i="0" u="none" strike="noStrike" kern="1200" cap="none" spc="0" normalizeH="0" baseline="0" noProof="0">
                <a:ln>
                  <a:noFill/>
                </a:ln>
                <a:noFill/>
                <a:effectLst/>
                <a:uLnTx/>
                <a:uFillTx/>
                <a:latin typeface="Maersk Text Office"/>
                <a:ea typeface="+mn-ea"/>
                <a:cs typeface="+mn-cs"/>
              </a:rPr>
              <a:t>A.P. Moller - Maersk</a:t>
            </a:r>
          </a:p>
        </p:txBody>
      </p:sp>
      <p:sp>
        <p:nvSpPr>
          <p:cNvPr id="4" name="Slide Number Placeholder 3">
            <a:extLst>
              <a:ext uri="{FF2B5EF4-FFF2-40B4-BE49-F238E27FC236}">
                <a16:creationId xmlns:a16="http://schemas.microsoft.com/office/drawing/2014/main" id="{67D9D868-68DB-4A6C-83AA-24C8F2D5C5D4}"/>
              </a:ext>
            </a:extLst>
          </p:cNvPr>
          <p:cNvSpPr>
            <a:spLocks noGrp="1"/>
          </p:cNvSpPr>
          <p:nvPr>
            <p:ph type="sldNum" sz="quarter" idx="17"/>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 b="0" i="0" u="none" strike="noStrike" kern="1200" cap="none" spc="0" normalizeH="0" baseline="0" noProof="0">
                <a:ln>
                  <a:noFill/>
                </a:ln>
                <a:noFill/>
                <a:effectLst/>
                <a:uLnTx/>
                <a:uFillTx/>
                <a:latin typeface="Maersk Text Office"/>
                <a:ea typeface="+mn-ea"/>
                <a:cs typeface="+mn-cs"/>
              </a:rPr>
              <a:t>.</a:t>
            </a:r>
          </a:p>
        </p:txBody>
      </p:sp>
      <p:sp>
        <p:nvSpPr>
          <p:cNvPr id="23" name="Text Placeholder 22">
            <a:extLst>
              <a:ext uri="{FF2B5EF4-FFF2-40B4-BE49-F238E27FC236}">
                <a16:creationId xmlns:a16="http://schemas.microsoft.com/office/drawing/2014/main" id="{61125D52-EB36-46CD-A179-21A3CA53E0E0}"/>
              </a:ext>
            </a:extLst>
          </p:cNvPr>
          <p:cNvSpPr>
            <a:spLocks noGrp="1"/>
          </p:cNvSpPr>
          <p:nvPr>
            <p:ph type="body" sz="quarter" idx="14"/>
          </p:nvPr>
        </p:nvSpPr>
        <p:spPr/>
        <p:txBody>
          <a:bodyPr/>
          <a:lstStyle/>
          <a:p>
            <a:endParaRPr lang="da-DK"/>
          </a:p>
        </p:txBody>
      </p:sp>
      <p:sp>
        <p:nvSpPr>
          <p:cNvPr id="15" name="Title 14">
            <a:extLst>
              <a:ext uri="{FF2B5EF4-FFF2-40B4-BE49-F238E27FC236}">
                <a16:creationId xmlns:a16="http://schemas.microsoft.com/office/drawing/2014/main" id="{10398516-4DFA-4ACD-90CA-4D9853AF3FBB}"/>
              </a:ext>
            </a:extLst>
          </p:cNvPr>
          <p:cNvSpPr>
            <a:spLocks noGrp="1"/>
          </p:cNvSpPr>
          <p:nvPr>
            <p:ph type="ctrTitle"/>
          </p:nvPr>
        </p:nvSpPr>
        <p:spPr>
          <a:xfrm>
            <a:off x="478956" y="4550195"/>
            <a:ext cx="5595937" cy="657369"/>
          </a:xfrm>
        </p:spPr>
        <p:txBody>
          <a:bodyPr/>
          <a:lstStyle/>
          <a:p>
            <a:r>
              <a:rPr lang="da-DK" b="1">
                <a:latin typeface="Maersk Headline Office" panose="00000500000000000000" pitchFamily="2" charset="0"/>
              </a:rPr>
              <a:t>Maersk Decom</a:t>
            </a:r>
          </a:p>
        </p:txBody>
      </p:sp>
      <p:sp>
        <p:nvSpPr>
          <p:cNvPr id="26" name="Content Placeholder 25">
            <a:extLst>
              <a:ext uri="{FF2B5EF4-FFF2-40B4-BE49-F238E27FC236}">
                <a16:creationId xmlns:a16="http://schemas.microsoft.com/office/drawing/2014/main" id="{35DF8688-35A3-412B-9E74-C82661E5029A}"/>
              </a:ext>
            </a:extLst>
          </p:cNvPr>
          <p:cNvSpPr>
            <a:spLocks noGrp="1"/>
          </p:cNvSpPr>
          <p:nvPr>
            <p:ph sz="quarter" idx="21"/>
          </p:nvPr>
        </p:nvSpPr>
        <p:spPr>
          <a:xfrm>
            <a:off x="478957" y="5237256"/>
            <a:ext cx="3729788" cy="560304"/>
          </a:xfrm>
        </p:spPr>
        <p:txBody>
          <a:bodyPr/>
          <a:lstStyle/>
          <a:p>
            <a:pPr>
              <a:lnSpc>
                <a:spcPct val="100000"/>
              </a:lnSpc>
              <a:spcBef>
                <a:spcPts val="600"/>
              </a:spcBef>
            </a:pPr>
            <a:r>
              <a:rPr lang="da-DK" b="0">
                <a:latin typeface="Maersk Text Light" panose="00000400000000000000" pitchFamily="50" charset="0"/>
              </a:rPr>
              <a:t>Company case </a:t>
            </a:r>
            <a:r>
              <a:rPr lang="da-DK" b="0" err="1">
                <a:latin typeface="Maersk Text Light" panose="00000400000000000000" pitchFamily="50" charset="0"/>
              </a:rPr>
              <a:t>presentation</a:t>
            </a:r>
            <a:endParaRPr lang="da-DK" b="0">
              <a:latin typeface="Maersk Text Light" panose="00000400000000000000" pitchFamily="50" charset="0"/>
            </a:endParaRPr>
          </a:p>
        </p:txBody>
      </p:sp>
      <p:pic>
        <p:nvPicPr>
          <p:cNvPr id="10" name="Picture 9" descr="A picture containing logo&#10;&#10;Description automatically generated">
            <a:extLst>
              <a:ext uri="{FF2B5EF4-FFF2-40B4-BE49-F238E27FC236}">
                <a16:creationId xmlns:a16="http://schemas.microsoft.com/office/drawing/2014/main" id="{CDF8F094-E07C-3C49-82AA-B9B23C4B628F}"/>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109833" y="179654"/>
            <a:ext cx="896977" cy="896977"/>
          </a:xfrm>
          <a:prstGeom prst="rect">
            <a:avLst/>
          </a:prstGeom>
        </p:spPr>
      </p:pic>
    </p:spTree>
    <p:extLst>
      <p:ext uri="{BB962C8B-B14F-4D97-AF65-F5344CB8AC3E}">
        <p14:creationId xmlns:p14="http://schemas.microsoft.com/office/powerpoint/2010/main" val="228155106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56FE112-B46A-4C3E-B9DB-7DA3952D7192}"/>
              </a:ext>
            </a:extLst>
          </p:cNvPr>
          <p:cNvSpPr>
            <a:spLocks noGrp="1"/>
          </p:cNvSpPr>
          <p:nvPr>
            <p:ph type="title"/>
          </p:nvPr>
        </p:nvSpPr>
        <p:spPr>
          <a:xfrm>
            <a:off x="500062" y="3767073"/>
            <a:ext cx="11191876" cy="2208212"/>
          </a:xfrm>
        </p:spPr>
        <p:txBody>
          <a:bodyPr/>
          <a:lstStyle/>
          <a:p>
            <a:pPr algn="ctr"/>
            <a:r>
              <a:rPr lang="da-DK"/>
              <a:t>Questions ?</a:t>
            </a:r>
          </a:p>
        </p:txBody>
      </p:sp>
      <p:sp>
        <p:nvSpPr>
          <p:cNvPr id="3" name="Slide Number Placeholder 2">
            <a:extLst>
              <a:ext uri="{FF2B5EF4-FFF2-40B4-BE49-F238E27FC236}">
                <a16:creationId xmlns:a16="http://schemas.microsoft.com/office/drawing/2014/main" id="{3CE69D56-32BD-45EB-8333-16376EA317A1}"/>
              </a:ext>
            </a:extLst>
          </p:cNvPr>
          <p:cNvSpPr>
            <a:spLocks noGrp="1"/>
          </p:cNvSpPr>
          <p:nvPr>
            <p:ph type="sldNum" sz="quarter" idx="17"/>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A204BC-C5BA-4EF4-ABC8-D45123A0C528}" type="slidenum">
              <a:rPr kumimoji="0" lang="en-GB" sz="1000" b="0" i="0" u="none" strike="noStrike" kern="1200" cap="none" spc="0" normalizeH="0" baseline="0" noProof="0" smtClean="0">
                <a:ln>
                  <a:noFill/>
                </a:ln>
                <a:solidFill>
                  <a:prstClr val="white"/>
                </a:solidFill>
                <a:effectLst/>
                <a:uLnTx/>
                <a:uFillTx/>
                <a:latin typeface="Maersk Text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0</a:t>
            </a:fld>
            <a:endParaRPr kumimoji="0" lang="en-GB" sz="1000" b="0" i="0" u="none" strike="noStrike" kern="1200" cap="none" spc="0" normalizeH="0" baseline="0" noProof="0">
              <a:ln>
                <a:noFill/>
              </a:ln>
              <a:solidFill>
                <a:prstClr val="white"/>
              </a:solidFill>
              <a:effectLst/>
              <a:uLnTx/>
              <a:uFillTx/>
              <a:latin typeface="Maersk Text Office"/>
              <a:ea typeface="+mn-ea"/>
              <a:cs typeface="+mn-cs"/>
            </a:endParaRPr>
          </a:p>
        </p:txBody>
      </p:sp>
      <p:sp>
        <p:nvSpPr>
          <p:cNvPr id="4" name="Text Placeholder 3">
            <a:extLst>
              <a:ext uri="{FF2B5EF4-FFF2-40B4-BE49-F238E27FC236}">
                <a16:creationId xmlns:a16="http://schemas.microsoft.com/office/drawing/2014/main" id="{6018A5B0-AC41-4AA5-A40C-FBC6D2C55226}"/>
              </a:ext>
            </a:extLst>
          </p:cNvPr>
          <p:cNvSpPr>
            <a:spLocks noGrp="1"/>
          </p:cNvSpPr>
          <p:nvPr>
            <p:ph type="body" sz="quarter" idx="18"/>
          </p:nvPr>
        </p:nvSpPr>
        <p:spPr/>
        <p:txBody>
          <a:bodyPr/>
          <a:lstStyle/>
          <a:p>
            <a:endParaRPr lang="da-DK"/>
          </a:p>
        </p:txBody>
      </p:sp>
      <p:pic>
        <p:nvPicPr>
          <p:cNvPr id="6" name="Picture 5" descr="A picture containing logo&#10;&#10;Description automatically generated">
            <a:extLst>
              <a:ext uri="{FF2B5EF4-FFF2-40B4-BE49-F238E27FC236}">
                <a16:creationId xmlns:a16="http://schemas.microsoft.com/office/drawing/2014/main" id="{D1EFE65D-13A9-A84D-930B-26A237733AA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109833" y="179654"/>
            <a:ext cx="896977" cy="896977"/>
          </a:xfrm>
          <a:prstGeom prst="rect">
            <a:avLst/>
          </a:prstGeom>
        </p:spPr>
      </p:pic>
      <p:cxnSp>
        <p:nvCxnSpPr>
          <p:cNvPr id="7" name="Straight Arrow Connector 6">
            <a:extLst>
              <a:ext uri="{FF2B5EF4-FFF2-40B4-BE49-F238E27FC236}">
                <a16:creationId xmlns:a16="http://schemas.microsoft.com/office/drawing/2014/main" id="{EA6A5C82-D651-4ABF-B742-E126B06C1F1C}"/>
              </a:ext>
            </a:extLst>
          </p:cNvPr>
          <p:cNvCxnSpPr/>
          <p:nvPr/>
        </p:nvCxnSpPr>
        <p:spPr>
          <a:xfrm flipV="1">
            <a:off x="2594788" y="3090927"/>
            <a:ext cx="6917266" cy="1"/>
          </a:xfrm>
          <a:prstGeom prst="straightConnector1">
            <a:avLst/>
          </a:prstGeom>
          <a:ln/>
        </p:spPr>
        <p:style>
          <a:lnRef idx="1">
            <a:schemeClr val="accent2"/>
          </a:lnRef>
          <a:fillRef idx="0">
            <a:schemeClr val="accent2"/>
          </a:fillRef>
          <a:effectRef idx="0">
            <a:schemeClr val="accent2"/>
          </a:effectRef>
          <a:fontRef idx="minor">
            <a:schemeClr val="tx1"/>
          </a:fontRef>
        </p:style>
      </p:cxnSp>
      <p:sp>
        <p:nvSpPr>
          <p:cNvPr id="8" name="Title 1">
            <a:extLst>
              <a:ext uri="{FF2B5EF4-FFF2-40B4-BE49-F238E27FC236}">
                <a16:creationId xmlns:a16="http://schemas.microsoft.com/office/drawing/2014/main" id="{BBAA5F7E-9AD4-4F45-BCC0-30D2444075E6}"/>
              </a:ext>
            </a:extLst>
          </p:cNvPr>
          <p:cNvSpPr txBox="1">
            <a:spLocks/>
          </p:cNvSpPr>
          <p:nvPr/>
        </p:nvSpPr>
        <p:spPr>
          <a:xfrm>
            <a:off x="366445" y="1986821"/>
            <a:ext cx="11191876" cy="2208212"/>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4000" b="0" kern="1200">
                <a:solidFill>
                  <a:schemeClr val="bg1"/>
                </a:solidFill>
                <a:latin typeface="+mj-lt"/>
                <a:ea typeface="+mj-ea"/>
                <a:cs typeface="+mj-cs"/>
              </a:defRPr>
            </a:lvl1pPr>
          </a:lstStyle>
          <a:p>
            <a:pPr algn="ctr"/>
            <a:r>
              <a:rPr lang="da-DK"/>
              <a:t>Thank You </a:t>
            </a:r>
          </a:p>
        </p:txBody>
      </p:sp>
    </p:spTree>
    <p:custDataLst>
      <p:tags r:id="rId1"/>
    </p:custDataLst>
    <p:extLst>
      <p:ext uri="{BB962C8B-B14F-4D97-AF65-F5344CB8AC3E}">
        <p14:creationId xmlns:p14="http://schemas.microsoft.com/office/powerpoint/2010/main" val="197765289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56FE112-B46A-4C3E-B9DB-7DA3952D7192}"/>
              </a:ext>
            </a:extLst>
          </p:cNvPr>
          <p:cNvSpPr>
            <a:spLocks noGrp="1"/>
          </p:cNvSpPr>
          <p:nvPr>
            <p:ph type="title"/>
          </p:nvPr>
        </p:nvSpPr>
        <p:spPr/>
        <p:txBody>
          <a:bodyPr/>
          <a:lstStyle/>
          <a:p>
            <a:r>
              <a:rPr lang="da-DK" err="1"/>
              <a:t>Who</a:t>
            </a:r>
            <a:r>
              <a:rPr lang="da-DK"/>
              <a:t> </a:t>
            </a:r>
            <a:r>
              <a:rPr lang="da-DK" err="1"/>
              <a:t>are</a:t>
            </a:r>
            <a:r>
              <a:rPr lang="da-DK"/>
              <a:t> Maersk </a:t>
            </a:r>
            <a:r>
              <a:rPr lang="da-DK" err="1"/>
              <a:t>Decom</a:t>
            </a:r>
            <a:endParaRPr lang="da-DK"/>
          </a:p>
        </p:txBody>
      </p:sp>
      <p:sp>
        <p:nvSpPr>
          <p:cNvPr id="3" name="Slide Number Placeholder 2">
            <a:extLst>
              <a:ext uri="{FF2B5EF4-FFF2-40B4-BE49-F238E27FC236}">
                <a16:creationId xmlns:a16="http://schemas.microsoft.com/office/drawing/2014/main" id="{3CE69D56-32BD-45EB-8333-16376EA317A1}"/>
              </a:ext>
            </a:extLst>
          </p:cNvPr>
          <p:cNvSpPr>
            <a:spLocks noGrp="1"/>
          </p:cNvSpPr>
          <p:nvPr>
            <p:ph type="sldNum" sz="quarter" idx="17"/>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A204BC-C5BA-4EF4-ABC8-D45123A0C528}" type="slidenum">
              <a:rPr kumimoji="0" lang="en-GB" sz="1000" b="0" i="0" u="none" strike="noStrike" kern="1200" cap="none" spc="0" normalizeH="0" baseline="0" noProof="0" smtClean="0">
                <a:ln>
                  <a:noFill/>
                </a:ln>
                <a:solidFill>
                  <a:prstClr val="white"/>
                </a:solidFill>
                <a:effectLst/>
                <a:uLnTx/>
                <a:uFillTx/>
                <a:latin typeface="Maersk Text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3</a:t>
            </a:fld>
            <a:endParaRPr kumimoji="0" lang="en-GB" sz="1000" b="0" i="0" u="none" strike="noStrike" kern="1200" cap="none" spc="0" normalizeH="0" baseline="0" noProof="0">
              <a:ln>
                <a:noFill/>
              </a:ln>
              <a:solidFill>
                <a:prstClr val="white"/>
              </a:solidFill>
              <a:effectLst/>
              <a:uLnTx/>
              <a:uFillTx/>
              <a:latin typeface="Maersk Text Office"/>
              <a:ea typeface="+mn-ea"/>
              <a:cs typeface="+mn-cs"/>
            </a:endParaRPr>
          </a:p>
        </p:txBody>
      </p:sp>
      <p:sp>
        <p:nvSpPr>
          <p:cNvPr id="4" name="Text Placeholder 3">
            <a:extLst>
              <a:ext uri="{FF2B5EF4-FFF2-40B4-BE49-F238E27FC236}">
                <a16:creationId xmlns:a16="http://schemas.microsoft.com/office/drawing/2014/main" id="{6018A5B0-AC41-4AA5-A40C-FBC6D2C55226}"/>
              </a:ext>
            </a:extLst>
          </p:cNvPr>
          <p:cNvSpPr>
            <a:spLocks noGrp="1"/>
          </p:cNvSpPr>
          <p:nvPr>
            <p:ph type="body" sz="quarter" idx="18"/>
          </p:nvPr>
        </p:nvSpPr>
        <p:spPr/>
        <p:txBody>
          <a:bodyPr/>
          <a:lstStyle/>
          <a:p>
            <a:endParaRPr lang="da-DK"/>
          </a:p>
        </p:txBody>
      </p:sp>
      <p:pic>
        <p:nvPicPr>
          <p:cNvPr id="5" name="Picture 4" descr="A picture containing logo&#10;&#10;Description automatically generated">
            <a:extLst>
              <a:ext uri="{FF2B5EF4-FFF2-40B4-BE49-F238E27FC236}">
                <a16:creationId xmlns:a16="http://schemas.microsoft.com/office/drawing/2014/main" id="{A337FBE1-2E93-7943-A6AA-0609633359C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109833" y="179654"/>
            <a:ext cx="896977" cy="896977"/>
          </a:xfrm>
          <a:prstGeom prst="rect">
            <a:avLst/>
          </a:prstGeom>
        </p:spPr>
      </p:pic>
    </p:spTree>
    <p:custDataLst>
      <p:tags r:id="rId1"/>
    </p:custDataLst>
    <p:extLst>
      <p:ext uri="{BB962C8B-B14F-4D97-AF65-F5344CB8AC3E}">
        <p14:creationId xmlns:p14="http://schemas.microsoft.com/office/powerpoint/2010/main" val="269740499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Picture 21">
            <a:extLst>
              <a:ext uri="{FF2B5EF4-FFF2-40B4-BE49-F238E27FC236}">
                <a16:creationId xmlns:a16="http://schemas.microsoft.com/office/drawing/2014/main" id="{95F996F4-30E1-4F2F-95AB-EF7A43C12C14}"/>
              </a:ext>
            </a:extLst>
          </p:cNvPr>
          <p:cNvPicPr>
            <a:picLocks noChangeAspect="1"/>
          </p:cNvPicPr>
          <p:nvPr/>
        </p:nvPicPr>
        <p:blipFill rotWithShape="1">
          <a:blip r:embed="rId3"/>
          <a:srcRect l="11784" t="11784"/>
          <a:stretch/>
        </p:blipFill>
        <p:spPr>
          <a:xfrm>
            <a:off x="9089318" y="1692827"/>
            <a:ext cx="2625709" cy="2597945"/>
          </a:xfrm>
          <a:prstGeom prst="ellipse">
            <a:avLst/>
          </a:prstGeom>
        </p:spPr>
      </p:pic>
      <p:sp>
        <p:nvSpPr>
          <p:cNvPr id="2" name="Slide Number Placeholder 1">
            <a:extLst>
              <a:ext uri="{FF2B5EF4-FFF2-40B4-BE49-F238E27FC236}">
                <a16:creationId xmlns:a16="http://schemas.microsoft.com/office/drawing/2014/main" id="{8DE298EE-0638-410D-8EE9-15CF00298CCA}"/>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A204BC-C5BA-4EF4-ABC8-D45123A0C528}" type="slidenum">
              <a:rPr kumimoji="0" lang="en-GB" sz="1000" b="0" i="0" u="none" strike="noStrike" kern="1200" cap="none" spc="0" normalizeH="0" baseline="0" noProof="0" smtClean="0">
                <a:ln>
                  <a:noFill/>
                </a:ln>
                <a:solidFill>
                  <a:prstClr val="black"/>
                </a:solidFill>
                <a:effectLst/>
                <a:uLnTx/>
                <a:uFillTx/>
                <a:latin typeface="Maersk Text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4</a:t>
            </a:fld>
            <a:endParaRPr kumimoji="0" lang="en-GB" sz="1000" b="0" i="0" u="none" strike="noStrike" kern="1200" cap="none" spc="0" normalizeH="0" baseline="0" noProof="0">
              <a:ln>
                <a:noFill/>
              </a:ln>
              <a:solidFill>
                <a:prstClr val="black"/>
              </a:solidFill>
              <a:effectLst/>
              <a:uLnTx/>
              <a:uFillTx/>
              <a:latin typeface="Maersk Text Office"/>
              <a:ea typeface="+mn-ea"/>
              <a:cs typeface="+mn-cs"/>
            </a:endParaRPr>
          </a:p>
        </p:txBody>
      </p:sp>
      <p:sp>
        <p:nvSpPr>
          <p:cNvPr id="3" name="Title 2">
            <a:extLst>
              <a:ext uri="{FF2B5EF4-FFF2-40B4-BE49-F238E27FC236}">
                <a16:creationId xmlns:a16="http://schemas.microsoft.com/office/drawing/2014/main" id="{86F37277-9C42-4BD1-927E-7F1962FB1120}"/>
              </a:ext>
            </a:extLst>
          </p:cNvPr>
          <p:cNvSpPr>
            <a:spLocks noGrp="1"/>
          </p:cNvSpPr>
          <p:nvPr>
            <p:ph type="title"/>
          </p:nvPr>
        </p:nvSpPr>
        <p:spPr/>
        <p:txBody>
          <a:bodyPr/>
          <a:lstStyle/>
          <a:p>
            <a:r>
              <a:rPr lang="da-DK" err="1"/>
              <a:t>History</a:t>
            </a:r>
            <a:r>
              <a:rPr lang="da-DK"/>
              <a:t>: </a:t>
            </a:r>
            <a:r>
              <a:rPr lang="da-DK" err="1">
                <a:solidFill>
                  <a:schemeClr val="accent2"/>
                </a:solidFill>
              </a:rPr>
              <a:t>Creating</a:t>
            </a:r>
            <a:r>
              <a:rPr lang="da-DK">
                <a:solidFill>
                  <a:schemeClr val="accent2"/>
                </a:solidFill>
              </a:rPr>
              <a:t> a joint venture</a:t>
            </a:r>
          </a:p>
        </p:txBody>
      </p:sp>
      <p:pic>
        <p:nvPicPr>
          <p:cNvPr id="4" name="Picture 3">
            <a:extLst>
              <a:ext uri="{FF2B5EF4-FFF2-40B4-BE49-F238E27FC236}">
                <a16:creationId xmlns:a16="http://schemas.microsoft.com/office/drawing/2014/main" id="{2F6F2623-05CB-4F33-A475-F6E8897E1B53}"/>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l="12181" r="12181"/>
          <a:stretch/>
        </p:blipFill>
        <p:spPr>
          <a:xfrm>
            <a:off x="6220211" y="1698198"/>
            <a:ext cx="2620074" cy="2597945"/>
          </a:xfrm>
          <a:prstGeom prst="ellipse">
            <a:avLst/>
          </a:prstGeom>
        </p:spPr>
      </p:pic>
      <p:pic>
        <p:nvPicPr>
          <p:cNvPr id="5" name="Picture 4">
            <a:extLst>
              <a:ext uri="{FF2B5EF4-FFF2-40B4-BE49-F238E27FC236}">
                <a16:creationId xmlns:a16="http://schemas.microsoft.com/office/drawing/2014/main" id="{40617134-747D-42C5-A682-D30D08329D61}"/>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l="21906" r="2449"/>
          <a:stretch/>
        </p:blipFill>
        <p:spPr>
          <a:xfrm>
            <a:off x="3350899" y="1698198"/>
            <a:ext cx="2620279" cy="2597945"/>
          </a:xfrm>
          <a:prstGeom prst="ellipse">
            <a:avLst/>
          </a:prstGeom>
        </p:spPr>
      </p:pic>
      <p:pic>
        <p:nvPicPr>
          <p:cNvPr id="6" name="Picture 5">
            <a:extLst>
              <a:ext uri="{FF2B5EF4-FFF2-40B4-BE49-F238E27FC236}">
                <a16:creationId xmlns:a16="http://schemas.microsoft.com/office/drawing/2014/main" id="{B31C2BC3-AF12-4E4E-B139-493D1C1D75B0}"/>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l="12683" t="-86" r="12206"/>
          <a:stretch/>
        </p:blipFill>
        <p:spPr>
          <a:xfrm>
            <a:off x="500063" y="1695778"/>
            <a:ext cx="2601801" cy="2600178"/>
          </a:xfrm>
          <a:prstGeom prst="ellipse">
            <a:avLst/>
          </a:prstGeom>
        </p:spPr>
      </p:pic>
      <p:sp>
        <p:nvSpPr>
          <p:cNvPr id="7" name="Content Placeholder 6">
            <a:extLst>
              <a:ext uri="{FF2B5EF4-FFF2-40B4-BE49-F238E27FC236}">
                <a16:creationId xmlns:a16="http://schemas.microsoft.com/office/drawing/2014/main" id="{C55434B8-35A5-4A61-8B8A-47D2ED7C4675}"/>
              </a:ext>
            </a:extLst>
          </p:cNvPr>
          <p:cNvSpPr txBox="1">
            <a:spLocks/>
          </p:cNvSpPr>
          <p:nvPr/>
        </p:nvSpPr>
        <p:spPr>
          <a:xfrm>
            <a:off x="500063" y="4781877"/>
            <a:ext cx="2601801" cy="933449"/>
          </a:xfrm>
          <a:prstGeom prst="rect">
            <a:avLst/>
          </a:prstGeom>
        </p:spPr>
        <p:txBody>
          <a:bodyPr/>
          <a:lstStyle>
            <a:lvl1pPr marL="180000" indent="-180000" algn="l" defTabSz="914400" rtl="0" eaLnBrk="1" latinLnBrk="0" hangingPunct="1">
              <a:lnSpc>
                <a:spcPct val="90000"/>
              </a:lnSpc>
              <a:spcBef>
                <a:spcPts val="0"/>
              </a:spcBef>
              <a:spcAft>
                <a:spcPts val="600"/>
              </a:spcAft>
              <a:buClr>
                <a:schemeClr val="accent1"/>
              </a:buClr>
              <a:buFont typeface="Arial" panose="020B0604020202020204" pitchFamily="34" charset="0"/>
              <a:buChar char="•"/>
              <a:defRPr sz="1600" kern="1200">
                <a:solidFill>
                  <a:schemeClr val="tx1"/>
                </a:solidFill>
                <a:latin typeface="+mn-lt"/>
                <a:ea typeface="+mn-ea"/>
                <a:cs typeface="+mn-cs"/>
              </a:defRPr>
            </a:lvl1pPr>
            <a:lvl2pPr marL="360000" indent="-180000" algn="l" defTabSz="914400" rtl="0" eaLnBrk="1" latinLnBrk="0" hangingPunct="1">
              <a:lnSpc>
                <a:spcPct val="90000"/>
              </a:lnSpc>
              <a:spcBef>
                <a:spcPts val="300"/>
              </a:spcBef>
              <a:spcAft>
                <a:spcPts val="600"/>
              </a:spcAft>
              <a:buClr>
                <a:schemeClr val="accent1"/>
              </a:buClr>
              <a:buFont typeface="Arial" panose="020B0604020202020204" pitchFamily="34" charset="0"/>
              <a:buChar char="•"/>
              <a:defRPr sz="1250" kern="1200">
                <a:solidFill>
                  <a:schemeClr val="tx1"/>
                </a:solidFill>
                <a:latin typeface="+mn-lt"/>
                <a:ea typeface="+mn-ea"/>
                <a:cs typeface="+mn-cs"/>
              </a:defRPr>
            </a:lvl2pPr>
            <a:lvl3pPr marL="540000" indent="-180000" algn="l" defTabSz="914400" rtl="0" eaLnBrk="1" latinLnBrk="0" hangingPunct="1">
              <a:lnSpc>
                <a:spcPct val="90000"/>
              </a:lnSpc>
              <a:spcBef>
                <a:spcPts val="300"/>
              </a:spcBef>
              <a:spcAft>
                <a:spcPts val="600"/>
              </a:spcAft>
              <a:buClr>
                <a:schemeClr val="accent1"/>
              </a:buClr>
              <a:buFont typeface="Arial" panose="020B0604020202020204" pitchFamily="34" charset="0"/>
              <a:buChar char="•"/>
              <a:defRPr sz="1100" kern="1200">
                <a:solidFill>
                  <a:schemeClr val="tx1"/>
                </a:solidFill>
                <a:latin typeface="+mn-lt"/>
                <a:ea typeface="+mn-ea"/>
                <a:cs typeface="+mn-cs"/>
              </a:defRPr>
            </a:lvl3pPr>
            <a:lvl4pPr marL="0" indent="0" algn="l" defTabSz="914400" rtl="0" eaLnBrk="1" latinLnBrk="0" hangingPunct="1">
              <a:lnSpc>
                <a:spcPct val="90000"/>
              </a:lnSpc>
              <a:spcBef>
                <a:spcPts val="0"/>
              </a:spcBef>
              <a:spcAft>
                <a:spcPts val="600"/>
              </a:spcAft>
              <a:buFont typeface="Arial" panose="020B0604020202020204" pitchFamily="34" charset="0"/>
              <a:buChar char="​"/>
              <a:defRPr sz="1600" b="1" kern="1200">
                <a:solidFill>
                  <a:schemeClr val="accent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1600" i="0" kern="1200">
                <a:solidFill>
                  <a:schemeClr val="tx1"/>
                </a:solidFill>
                <a:latin typeface="+mn-lt"/>
                <a:ea typeface="+mn-ea"/>
                <a:cs typeface="+mn-cs"/>
              </a:defRPr>
            </a:lvl5pPr>
            <a:lvl6pPr marL="0" indent="0" algn="l" defTabSz="914400" rtl="0" eaLnBrk="1" latinLnBrk="0" hangingPunct="1">
              <a:lnSpc>
                <a:spcPct val="90000"/>
              </a:lnSpc>
              <a:spcBef>
                <a:spcPts val="0"/>
              </a:spcBef>
              <a:spcAft>
                <a:spcPts val="600"/>
              </a:spcAft>
              <a:buClr>
                <a:schemeClr val="accent1"/>
              </a:buClr>
              <a:buFont typeface="Arial" panose="020B0604020202020204" pitchFamily="34" charset="0"/>
              <a:buChar char="​"/>
              <a:defRPr sz="2350" i="1" kern="1200">
                <a:solidFill>
                  <a:schemeClr val="tx1"/>
                </a:solidFill>
                <a:latin typeface="Maersk Headline Office" panose="00000500000000000000" pitchFamily="2" charset="0"/>
                <a:ea typeface="+mn-ea"/>
                <a:cs typeface="+mn-cs"/>
              </a:defRPr>
            </a:lvl6pPr>
            <a:lvl7pPr marL="0" indent="0" algn="l" defTabSz="914400" rtl="0" eaLnBrk="1" latinLnBrk="0" hangingPunct="1">
              <a:lnSpc>
                <a:spcPct val="90000"/>
              </a:lnSpc>
              <a:spcBef>
                <a:spcPts val="0"/>
              </a:spcBef>
              <a:spcAft>
                <a:spcPts val="600"/>
              </a:spcAft>
              <a:buFont typeface="Arial" panose="020B0604020202020204" pitchFamily="34" charset="0"/>
              <a:buChar char="​"/>
              <a:defRPr sz="600" b="0" kern="1200" baseline="0">
                <a:solidFill>
                  <a:schemeClr val="tx2"/>
                </a:solidFill>
                <a:latin typeface="+mn-lt"/>
                <a:ea typeface="+mn-ea"/>
                <a:cs typeface="+mn-cs"/>
              </a:defRPr>
            </a:lvl7pPr>
            <a:lvl8pPr marL="0" indent="0" algn="l" defTabSz="914400" rtl="0" eaLnBrk="1" latinLnBrk="0" hangingPunct="1">
              <a:lnSpc>
                <a:spcPct val="90000"/>
              </a:lnSpc>
              <a:spcBef>
                <a:spcPts val="0"/>
              </a:spcBef>
              <a:spcAft>
                <a:spcPts val="600"/>
              </a:spcAft>
              <a:buFont typeface="Arial" panose="020B0604020202020204" pitchFamily="34" charset="0"/>
              <a:buChar char="​"/>
              <a:defRPr sz="500" b="0" kern="1200">
                <a:solidFill>
                  <a:schemeClr val="tx2"/>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6000" kern="1200" baseline="0">
                <a:solidFill>
                  <a:schemeClr val="accent1"/>
                </a:solidFill>
                <a:latin typeface="+mj-lt"/>
                <a:ea typeface="+mn-ea"/>
                <a:cs typeface="+mn-cs"/>
              </a:defRPr>
            </a:lvl9pPr>
          </a:lstStyle>
          <a:p>
            <a:pPr marL="0" marR="0" lvl="0" indent="0" algn="ctr" defTabSz="914400" rtl="0" eaLnBrk="1" fontAlgn="auto" latinLnBrk="0" hangingPunct="1">
              <a:lnSpc>
                <a:spcPct val="90000"/>
              </a:lnSpc>
              <a:spcBef>
                <a:spcPts val="0"/>
              </a:spcBef>
              <a:spcAft>
                <a:spcPts val="600"/>
              </a:spcAft>
              <a:buClr>
                <a:srgbClr val="0073AB"/>
              </a:buClr>
              <a:buSzTx/>
              <a:buFont typeface="Arial" panose="020B0604020202020204" pitchFamily="34" charset="0"/>
              <a:buNone/>
              <a:tabLst/>
              <a:defRPr/>
            </a:pP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Maersk </a:t>
            </a: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Drilling</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 and Maersk Supply Service </a:t>
            </a: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begin</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 </a:t>
            </a: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decommissioning</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 of the Janice, James and </a:t>
            </a: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Leadon</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 </a:t>
            </a: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fields</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 in the UK North Sea for Maersk Oil.</a:t>
            </a:r>
          </a:p>
        </p:txBody>
      </p:sp>
      <p:sp>
        <p:nvSpPr>
          <p:cNvPr id="8" name="Content Placeholder 6">
            <a:extLst>
              <a:ext uri="{FF2B5EF4-FFF2-40B4-BE49-F238E27FC236}">
                <a16:creationId xmlns:a16="http://schemas.microsoft.com/office/drawing/2014/main" id="{9C8BE0D7-6EC8-4AB4-BC8E-0FDE860487F9}"/>
              </a:ext>
            </a:extLst>
          </p:cNvPr>
          <p:cNvSpPr txBox="1">
            <a:spLocks/>
          </p:cNvSpPr>
          <p:nvPr/>
        </p:nvSpPr>
        <p:spPr>
          <a:xfrm>
            <a:off x="6321938" y="4781877"/>
            <a:ext cx="2416620" cy="933449"/>
          </a:xfrm>
          <a:prstGeom prst="rect">
            <a:avLst/>
          </a:prstGeom>
        </p:spPr>
        <p:txBody>
          <a:bodyPr vert="horz" lIns="0" tIns="0" rIns="0" bIns="0" rtlCol="0" anchor="t">
            <a:noAutofit/>
          </a:bodyPr>
          <a:lstStyle>
            <a:lvl1pPr marL="216000" indent="-216000" algn="l" defTabSz="1219170" rtl="0" eaLnBrk="1" latinLnBrk="0" hangingPunct="1">
              <a:spcBef>
                <a:spcPts val="800"/>
              </a:spcBef>
              <a:spcAft>
                <a:spcPts val="0"/>
              </a:spcAft>
              <a:buSzPct val="80000"/>
              <a:buFont typeface="Verdana" pitchFamily="34" charset="0"/>
              <a:buChar char="•"/>
              <a:defRPr sz="1800" kern="1200" spc="-13" baseline="0">
                <a:solidFill>
                  <a:schemeClr val="tx1"/>
                </a:solidFill>
                <a:latin typeface="+mn-lt"/>
                <a:ea typeface="+mn-ea"/>
                <a:cs typeface="+mn-cs"/>
              </a:defRPr>
            </a:lvl1pPr>
            <a:lvl2pPr marL="432000" indent="-216000" algn="l" defTabSz="1219170" rtl="0" eaLnBrk="1" latinLnBrk="0" hangingPunct="1">
              <a:spcBef>
                <a:spcPts val="800"/>
              </a:spcBef>
              <a:spcAft>
                <a:spcPts val="0"/>
              </a:spcAft>
              <a:buSzPct val="80000"/>
              <a:buFont typeface="Verdana" pitchFamily="34" charset="0"/>
              <a:buChar char="•"/>
              <a:defRPr sz="1600" kern="1200" spc="-13" baseline="0">
                <a:solidFill>
                  <a:schemeClr val="tx1"/>
                </a:solidFill>
                <a:latin typeface="+mn-lt"/>
                <a:ea typeface="+mn-ea"/>
                <a:cs typeface="+mn-cs"/>
              </a:defRPr>
            </a:lvl2pPr>
            <a:lvl3pPr marL="648000" indent="-216000" algn="l" defTabSz="1219170" rtl="0" eaLnBrk="1" latinLnBrk="0" hangingPunct="1">
              <a:spcBef>
                <a:spcPts val="800"/>
              </a:spcBef>
              <a:spcAft>
                <a:spcPts val="0"/>
              </a:spcAft>
              <a:buSzPct val="80000"/>
              <a:buFont typeface="Verdana" pitchFamily="34" charset="0"/>
              <a:buChar char="•"/>
              <a:defRPr sz="1600" kern="1200" spc="-13" baseline="0">
                <a:solidFill>
                  <a:schemeClr val="tx1"/>
                </a:solidFill>
                <a:latin typeface="+mn-lt"/>
                <a:ea typeface="+mn-ea"/>
                <a:cs typeface="+mn-cs"/>
              </a:defRPr>
            </a:lvl3pPr>
            <a:lvl4pPr marL="864000" indent="-216000" algn="l" defTabSz="1219170" rtl="0" eaLnBrk="1" latinLnBrk="0" hangingPunct="1">
              <a:spcBef>
                <a:spcPts val="800"/>
              </a:spcBef>
              <a:spcAft>
                <a:spcPts val="0"/>
              </a:spcAft>
              <a:buSzPct val="80000"/>
              <a:buFont typeface="Verdana" pitchFamily="34" charset="0"/>
              <a:buChar char="•"/>
              <a:defRPr sz="1600" kern="1200" spc="-13" baseline="0">
                <a:solidFill>
                  <a:schemeClr val="tx1"/>
                </a:solidFill>
                <a:latin typeface="+mn-lt"/>
                <a:ea typeface="+mn-ea"/>
                <a:cs typeface="+mn-cs"/>
              </a:defRPr>
            </a:lvl4pPr>
            <a:lvl5pPr marL="1080000" indent="-216000" algn="l" defTabSz="1219170" rtl="0" eaLnBrk="1" latinLnBrk="0" hangingPunct="1">
              <a:spcBef>
                <a:spcPts val="800"/>
              </a:spcBef>
              <a:spcAft>
                <a:spcPts val="0"/>
              </a:spcAft>
              <a:buSzPct val="80000"/>
              <a:buFont typeface="Verdana" pitchFamily="34" charset="0"/>
              <a:buChar char="•"/>
              <a:defRPr sz="1600" kern="1200" spc="-13" baseline="0">
                <a:solidFill>
                  <a:schemeClr val="tx1"/>
                </a:solidFill>
                <a:latin typeface="+mn-lt"/>
                <a:ea typeface="+mn-ea"/>
                <a:cs typeface="+mn-cs"/>
              </a:defRPr>
            </a:lvl5pPr>
            <a:lvl6pPr marL="1080000" indent="-216000" algn="l" defTabSz="1219170" rtl="0" eaLnBrk="1" latinLnBrk="0" hangingPunct="1">
              <a:spcBef>
                <a:spcPts val="800"/>
              </a:spcBef>
              <a:buSzPct val="80000"/>
              <a:buFont typeface="Verdana" pitchFamily="34" charset="0"/>
              <a:buChar char="•"/>
              <a:defRPr sz="1600" kern="1200">
                <a:solidFill>
                  <a:schemeClr val="tx1"/>
                </a:solidFill>
                <a:latin typeface="+mn-lt"/>
                <a:ea typeface="+mn-ea"/>
                <a:cs typeface="+mn-cs"/>
              </a:defRPr>
            </a:lvl6pPr>
            <a:lvl7pPr marL="1080000" indent="-216000" algn="l" defTabSz="1219170" rtl="0" eaLnBrk="1" latinLnBrk="0" hangingPunct="1">
              <a:spcBef>
                <a:spcPts val="800"/>
              </a:spcBef>
              <a:buSzPct val="80000"/>
              <a:buFont typeface="Verdana" pitchFamily="34" charset="0"/>
              <a:buChar char="•"/>
              <a:defRPr sz="1600" kern="1200">
                <a:solidFill>
                  <a:schemeClr val="tx1"/>
                </a:solidFill>
                <a:latin typeface="+mn-lt"/>
                <a:ea typeface="+mn-ea"/>
                <a:cs typeface="+mn-cs"/>
              </a:defRPr>
            </a:lvl7pPr>
            <a:lvl8pPr marL="1080000" indent="-216000" algn="l" defTabSz="1219170" rtl="0" eaLnBrk="1" latinLnBrk="0" hangingPunct="1">
              <a:spcBef>
                <a:spcPts val="800"/>
              </a:spcBef>
              <a:buSzPct val="80000"/>
              <a:buFont typeface="Verdana" pitchFamily="34" charset="0"/>
              <a:buChar char="•"/>
              <a:defRPr sz="1600" kern="1200">
                <a:solidFill>
                  <a:schemeClr val="tx1"/>
                </a:solidFill>
                <a:latin typeface="+mn-lt"/>
                <a:ea typeface="+mn-ea"/>
                <a:cs typeface="+mn-cs"/>
              </a:defRPr>
            </a:lvl8pPr>
            <a:lvl9pPr marL="1080000" indent="-216000" algn="l" defTabSz="1219170" rtl="0" eaLnBrk="1" latinLnBrk="0" hangingPunct="1">
              <a:spcBef>
                <a:spcPts val="800"/>
              </a:spcBef>
              <a:buSzPct val="80000"/>
              <a:buFont typeface="Verdana" pitchFamily="34" charset="0"/>
              <a:buChar char="•"/>
              <a:defRPr sz="1600" kern="1200">
                <a:solidFill>
                  <a:schemeClr val="tx1"/>
                </a:solidFill>
                <a:latin typeface="+mn-lt"/>
                <a:ea typeface="+mn-ea"/>
                <a:cs typeface="+mn-cs"/>
              </a:defRPr>
            </a:lvl9pPr>
          </a:lstStyle>
          <a:p>
            <a:pPr marL="0" marR="0" lvl="0" indent="0" algn="ctr" defTabSz="1219170" rtl="0" eaLnBrk="1" fontAlgn="auto" latinLnBrk="0" hangingPunct="1">
              <a:lnSpc>
                <a:spcPct val="100000"/>
              </a:lnSpc>
              <a:spcBef>
                <a:spcPts val="800"/>
              </a:spcBef>
              <a:spcAft>
                <a:spcPts val="0"/>
              </a:spcAft>
              <a:buClrTx/>
              <a:buSzPct val="80000"/>
              <a:buFont typeface="Verdana" pitchFamily="34" charset="0"/>
              <a:buNone/>
              <a:tabLst/>
              <a:defRPr/>
            </a:pPr>
            <a:r>
              <a:rPr kumimoji="0" lang="da-DK" sz="1050" b="0" i="0" u="none" strike="noStrike" kern="1200" cap="none" spc="0" normalizeH="0" baseline="0" noProof="0">
                <a:ln>
                  <a:noFill/>
                </a:ln>
                <a:effectLst/>
                <a:uLnTx/>
                <a:uFillTx/>
                <a:latin typeface="Maersk Text Light"/>
              </a:rPr>
              <a:t>Maersk </a:t>
            </a:r>
            <a:r>
              <a:rPr kumimoji="0" lang="da-DK" sz="1050" b="0" i="0" u="none" strike="noStrike" kern="1200" cap="none" spc="0" normalizeH="0" baseline="0" noProof="0" err="1">
                <a:ln>
                  <a:noFill/>
                </a:ln>
                <a:effectLst/>
                <a:uLnTx/>
                <a:uFillTx/>
                <a:latin typeface="Maersk Text Light"/>
              </a:rPr>
              <a:t>Decom</a:t>
            </a:r>
            <a:r>
              <a:rPr kumimoji="0" lang="da-DK" sz="1050" b="0" i="0" u="none" strike="noStrike" kern="1200" cap="none" spc="0" normalizeH="0" baseline="0" noProof="0">
                <a:ln>
                  <a:noFill/>
                </a:ln>
                <a:effectLst/>
                <a:uLnTx/>
                <a:uFillTx/>
                <a:latin typeface="Maersk Text Light"/>
              </a:rPr>
              <a:t> </a:t>
            </a:r>
            <a:r>
              <a:rPr kumimoji="0" lang="da-DK" sz="1050" b="0" i="0" u="none" strike="noStrike" kern="1200" cap="none" spc="0" normalizeH="0" baseline="0" noProof="0" err="1">
                <a:ln>
                  <a:noFill/>
                </a:ln>
                <a:effectLst/>
                <a:uLnTx/>
                <a:uFillTx/>
                <a:latin typeface="Maersk Text Light"/>
              </a:rPr>
              <a:t>launched</a:t>
            </a:r>
            <a:r>
              <a:rPr kumimoji="0" lang="da-DK" sz="1050" b="0" i="0" u="none" strike="noStrike" kern="1200" cap="none" spc="0" normalizeH="0" baseline="0" noProof="0">
                <a:ln>
                  <a:noFill/>
                </a:ln>
                <a:effectLst/>
                <a:uLnTx/>
                <a:uFillTx/>
                <a:latin typeface="Maersk Text Light"/>
              </a:rPr>
              <a:t> April 8 as a 50:50 joint </a:t>
            </a:r>
            <a:r>
              <a:rPr lang="da-DK" sz="1050" spc="0">
                <a:latin typeface="Maersk Text Light"/>
              </a:rPr>
              <a:t>venture</a:t>
            </a:r>
            <a:r>
              <a:rPr kumimoji="0" lang="da-DK" sz="1050" b="0" i="0" u="none" strike="noStrike" kern="1200" cap="none" spc="0" normalizeH="0" baseline="0" noProof="0">
                <a:ln>
                  <a:noFill/>
                </a:ln>
                <a:effectLst/>
                <a:uLnTx/>
                <a:uFillTx/>
                <a:latin typeface="Maersk Text Light"/>
              </a:rPr>
              <a:t> </a:t>
            </a:r>
            <a:r>
              <a:rPr kumimoji="0" lang="da-DK" sz="1050" b="0" i="0" u="none" strike="noStrike" kern="1200" cap="none" spc="0" normalizeH="0" baseline="0" noProof="0" err="1">
                <a:ln>
                  <a:noFill/>
                </a:ln>
                <a:effectLst/>
                <a:uLnTx/>
                <a:uFillTx/>
                <a:latin typeface="Maersk Text Light"/>
              </a:rPr>
              <a:t>between</a:t>
            </a:r>
            <a:r>
              <a:rPr kumimoji="0" lang="da-DK" sz="1050" b="0" i="0" u="none" strike="noStrike" kern="1200" cap="none" spc="0" normalizeH="0" baseline="0" noProof="0">
                <a:ln>
                  <a:noFill/>
                </a:ln>
                <a:effectLst/>
                <a:uLnTx/>
                <a:uFillTx/>
                <a:latin typeface="Maersk Text Light"/>
              </a:rPr>
              <a:t> Maersk </a:t>
            </a:r>
            <a:r>
              <a:rPr kumimoji="0" lang="da-DK" sz="1050" b="0" i="0" u="none" strike="noStrike" kern="1200" cap="none" spc="0" normalizeH="0" baseline="0" noProof="0" err="1">
                <a:ln>
                  <a:noFill/>
                </a:ln>
                <a:effectLst/>
                <a:uLnTx/>
                <a:uFillTx/>
                <a:latin typeface="Maersk Text Light"/>
              </a:rPr>
              <a:t>Drilling</a:t>
            </a:r>
            <a:r>
              <a:rPr kumimoji="0" lang="da-DK" sz="1050" b="0" i="0" u="none" strike="noStrike" kern="1200" cap="none" spc="0" normalizeH="0" baseline="0" noProof="0">
                <a:ln>
                  <a:noFill/>
                </a:ln>
                <a:effectLst/>
                <a:uLnTx/>
                <a:uFillTx/>
                <a:latin typeface="Maersk Text Light"/>
              </a:rPr>
              <a:t> and Maersk Supply Service to provide </a:t>
            </a:r>
            <a:r>
              <a:rPr kumimoji="0" lang="da-DK" sz="1050" b="0" i="0" u="none" strike="noStrike" kern="1200" cap="none" spc="0" normalizeH="0" baseline="0" noProof="0" err="1">
                <a:ln>
                  <a:noFill/>
                </a:ln>
                <a:effectLst/>
                <a:uLnTx/>
                <a:uFillTx/>
                <a:latin typeface="Maersk Text Light"/>
              </a:rPr>
              <a:t>decommissioning</a:t>
            </a:r>
            <a:r>
              <a:rPr kumimoji="0" lang="da-DK" sz="1050" b="0" i="0" u="none" strike="noStrike" kern="1200" cap="none" spc="0" normalizeH="0" baseline="0" noProof="0">
                <a:ln>
                  <a:noFill/>
                </a:ln>
                <a:effectLst/>
                <a:uLnTx/>
                <a:uFillTx/>
                <a:latin typeface="Maersk Text Light"/>
              </a:rPr>
              <a:t> solutions to the offshore </a:t>
            </a:r>
            <a:r>
              <a:rPr kumimoji="0" lang="da-DK" sz="1050" b="0" i="0" u="none" strike="noStrike" kern="1200" cap="none" spc="0" normalizeH="0" baseline="0" noProof="0" err="1">
                <a:ln>
                  <a:noFill/>
                </a:ln>
                <a:effectLst/>
                <a:uLnTx/>
                <a:uFillTx/>
                <a:latin typeface="Maersk Text Light"/>
              </a:rPr>
              <a:t>energy</a:t>
            </a:r>
            <a:r>
              <a:rPr kumimoji="0" lang="da-DK" sz="1050" b="0" i="0" u="none" strike="noStrike" kern="1200" cap="none" spc="0" normalizeH="0" baseline="0" noProof="0">
                <a:ln>
                  <a:noFill/>
                </a:ln>
                <a:effectLst/>
                <a:uLnTx/>
                <a:uFillTx/>
                <a:latin typeface="Maersk Text Light"/>
              </a:rPr>
              <a:t> </a:t>
            </a:r>
            <a:r>
              <a:rPr kumimoji="0" lang="da-DK" sz="1050" b="0" i="0" u="none" strike="noStrike" kern="1200" cap="none" spc="0" normalizeH="0" baseline="0" noProof="0" err="1">
                <a:ln>
                  <a:noFill/>
                </a:ln>
                <a:effectLst/>
                <a:uLnTx/>
                <a:uFillTx/>
                <a:latin typeface="Maersk Text Light"/>
              </a:rPr>
              <a:t>industry</a:t>
            </a:r>
            <a:r>
              <a:rPr kumimoji="0" lang="da-DK" sz="1050" b="0" i="0" u="none" strike="noStrike" kern="1200" cap="none" spc="0" normalizeH="0" baseline="0" noProof="0">
                <a:ln>
                  <a:noFill/>
                </a:ln>
                <a:effectLst/>
                <a:uLnTx/>
                <a:uFillTx/>
                <a:latin typeface="Maersk Text Light"/>
              </a:rPr>
              <a:t>.</a:t>
            </a:r>
          </a:p>
        </p:txBody>
      </p:sp>
      <p:sp>
        <p:nvSpPr>
          <p:cNvPr id="9" name="Content Placeholder 6">
            <a:extLst>
              <a:ext uri="{FF2B5EF4-FFF2-40B4-BE49-F238E27FC236}">
                <a16:creationId xmlns:a16="http://schemas.microsoft.com/office/drawing/2014/main" id="{5FEDB126-94B4-4A6C-BA25-E33F0814F953}"/>
              </a:ext>
            </a:extLst>
          </p:cNvPr>
          <p:cNvSpPr txBox="1">
            <a:spLocks/>
          </p:cNvSpPr>
          <p:nvPr/>
        </p:nvSpPr>
        <p:spPr>
          <a:xfrm>
            <a:off x="3430233" y="4781877"/>
            <a:ext cx="2461610" cy="933449"/>
          </a:xfrm>
          <a:prstGeom prst="rect">
            <a:avLst/>
          </a:prstGeom>
        </p:spPr>
        <p:txBody>
          <a:bodyPr vert="horz" lIns="0" tIns="0" rIns="0" bIns="0" rtlCol="0">
            <a:noAutofit/>
          </a:bodyPr>
          <a:lstStyle>
            <a:lvl1pPr marL="216000" indent="-216000" algn="l" defTabSz="1219170" rtl="0" eaLnBrk="1" latinLnBrk="0" hangingPunct="1">
              <a:spcBef>
                <a:spcPts val="800"/>
              </a:spcBef>
              <a:spcAft>
                <a:spcPts val="0"/>
              </a:spcAft>
              <a:buSzPct val="80000"/>
              <a:buFont typeface="Verdana" pitchFamily="34" charset="0"/>
              <a:buChar char="•"/>
              <a:defRPr sz="1800" kern="1200" spc="-13" baseline="0">
                <a:solidFill>
                  <a:schemeClr val="tx1"/>
                </a:solidFill>
                <a:latin typeface="+mn-lt"/>
                <a:ea typeface="+mn-ea"/>
                <a:cs typeface="+mn-cs"/>
              </a:defRPr>
            </a:lvl1pPr>
            <a:lvl2pPr marL="432000" indent="-216000" algn="l" defTabSz="1219170" rtl="0" eaLnBrk="1" latinLnBrk="0" hangingPunct="1">
              <a:spcBef>
                <a:spcPts val="800"/>
              </a:spcBef>
              <a:spcAft>
                <a:spcPts val="0"/>
              </a:spcAft>
              <a:buSzPct val="80000"/>
              <a:buFont typeface="Verdana" pitchFamily="34" charset="0"/>
              <a:buChar char="•"/>
              <a:defRPr sz="1600" kern="1200" spc="-13" baseline="0">
                <a:solidFill>
                  <a:schemeClr val="tx1"/>
                </a:solidFill>
                <a:latin typeface="+mn-lt"/>
                <a:ea typeface="+mn-ea"/>
                <a:cs typeface="+mn-cs"/>
              </a:defRPr>
            </a:lvl2pPr>
            <a:lvl3pPr marL="648000" indent="-216000" algn="l" defTabSz="1219170" rtl="0" eaLnBrk="1" latinLnBrk="0" hangingPunct="1">
              <a:spcBef>
                <a:spcPts val="800"/>
              </a:spcBef>
              <a:spcAft>
                <a:spcPts val="0"/>
              </a:spcAft>
              <a:buSzPct val="80000"/>
              <a:buFont typeface="Verdana" pitchFamily="34" charset="0"/>
              <a:buChar char="•"/>
              <a:defRPr sz="1600" kern="1200" spc="-13" baseline="0">
                <a:solidFill>
                  <a:schemeClr val="tx1"/>
                </a:solidFill>
                <a:latin typeface="+mn-lt"/>
                <a:ea typeface="+mn-ea"/>
                <a:cs typeface="+mn-cs"/>
              </a:defRPr>
            </a:lvl3pPr>
            <a:lvl4pPr marL="864000" indent="-216000" algn="l" defTabSz="1219170" rtl="0" eaLnBrk="1" latinLnBrk="0" hangingPunct="1">
              <a:spcBef>
                <a:spcPts val="800"/>
              </a:spcBef>
              <a:spcAft>
                <a:spcPts val="0"/>
              </a:spcAft>
              <a:buSzPct val="80000"/>
              <a:buFont typeface="Verdana" pitchFamily="34" charset="0"/>
              <a:buChar char="•"/>
              <a:defRPr sz="1600" kern="1200" spc="-13" baseline="0">
                <a:solidFill>
                  <a:schemeClr val="tx1"/>
                </a:solidFill>
                <a:latin typeface="+mn-lt"/>
                <a:ea typeface="+mn-ea"/>
                <a:cs typeface="+mn-cs"/>
              </a:defRPr>
            </a:lvl4pPr>
            <a:lvl5pPr marL="1080000" indent="-216000" algn="l" defTabSz="1219170" rtl="0" eaLnBrk="1" latinLnBrk="0" hangingPunct="1">
              <a:spcBef>
                <a:spcPts val="800"/>
              </a:spcBef>
              <a:spcAft>
                <a:spcPts val="0"/>
              </a:spcAft>
              <a:buSzPct val="80000"/>
              <a:buFont typeface="Verdana" pitchFamily="34" charset="0"/>
              <a:buChar char="•"/>
              <a:defRPr sz="1600" kern="1200" spc="-13" baseline="0">
                <a:solidFill>
                  <a:schemeClr val="tx1"/>
                </a:solidFill>
                <a:latin typeface="+mn-lt"/>
                <a:ea typeface="+mn-ea"/>
                <a:cs typeface="+mn-cs"/>
              </a:defRPr>
            </a:lvl5pPr>
            <a:lvl6pPr marL="1080000" indent="-216000" algn="l" defTabSz="1219170" rtl="0" eaLnBrk="1" latinLnBrk="0" hangingPunct="1">
              <a:spcBef>
                <a:spcPts val="800"/>
              </a:spcBef>
              <a:buSzPct val="80000"/>
              <a:buFont typeface="Verdana" pitchFamily="34" charset="0"/>
              <a:buChar char="•"/>
              <a:defRPr sz="1600" kern="1200">
                <a:solidFill>
                  <a:schemeClr val="tx1"/>
                </a:solidFill>
                <a:latin typeface="+mn-lt"/>
                <a:ea typeface="+mn-ea"/>
                <a:cs typeface="+mn-cs"/>
              </a:defRPr>
            </a:lvl6pPr>
            <a:lvl7pPr marL="1080000" indent="-216000" algn="l" defTabSz="1219170" rtl="0" eaLnBrk="1" latinLnBrk="0" hangingPunct="1">
              <a:spcBef>
                <a:spcPts val="800"/>
              </a:spcBef>
              <a:buSzPct val="80000"/>
              <a:buFont typeface="Verdana" pitchFamily="34" charset="0"/>
              <a:buChar char="•"/>
              <a:defRPr sz="1600" kern="1200">
                <a:solidFill>
                  <a:schemeClr val="tx1"/>
                </a:solidFill>
                <a:latin typeface="+mn-lt"/>
                <a:ea typeface="+mn-ea"/>
                <a:cs typeface="+mn-cs"/>
              </a:defRPr>
            </a:lvl7pPr>
            <a:lvl8pPr marL="1080000" indent="-216000" algn="l" defTabSz="1219170" rtl="0" eaLnBrk="1" latinLnBrk="0" hangingPunct="1">
              <a:spcBef>
                <a:spcPts val="800"/>
              </a:spcBef>
              <a:buSzPct val="80000"/>
              <a:buFont typeface="Verdana" pitchFamily="34" charset="0"/>
              <a:buChar char="•"/>
              <a:defRPr sz="1600" kern="1200">
                <a:solidFill>
                  <a:schemeClr val="tx1"/>
                </a:solidFill>
                <a:latin typeface="+mn-lt"/>
                <a:ea typeface="+mn-ea"/>
                <a:cs typeface="+mn-cs"/>
              </a:defRPr>
            </a:lvl8pPr>
            <a:lvl9pPr marL="1080000" indent="-216000" algn="l" defTabSz="1219170" rtl="0" eaLnBrk="1" latinLnBrk="0" hangingPunct="1">
              <a:spcBef>
                <a:spcPts val="800"/>
              </a:spcBef>
              <a:buSzPct val="80000"/>
              <a:buFont typeface="Verdana" pitchFamily="34" charset="0"/>
              <a:buChar char="•"/>
              <a:defRPr sz="1600" kern="1200">
                <a:solidFill>
                  <a:schemeClr val="tx1"/>
                </a:solidFill>
                <a:latin typeface="+mn-lt"/>
                <a:ea typeface="+mn-ea"/>
                <a:cs typeface="+mn-cs"/>
              </a:defRPr>
            </a:lvl9pPr>
          </a:lstStyle>
          <a:p>
            <a:pPr marL="0" marR="0" lvl="0" indent="0" algn="ctr" defTabSz="1219170" rtl="0" eaLnBrk="1" fontAlgn="auto" latinLnBrk="0" hangingPunct="1">
              <a:lnSpc>
                <a:spcPct val="100000"/>
              </a:lnSpc>
              <a:spcBef>
                <a:spcPts val="800"/>
              </a:spcBef>
              <a:spcAft>
                <a:spcPts val="0"/>
              </a:spcAft>
              <a:buClrTx/>
              <a:buSzPct val="80000"/>
              <a:buFont typeface="Verdana" pitchFamily="34" charset="0"/>
              <a:buNone/>
              <a:tabLst/>
              <a:defRPr/>
            </a:pP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Efficiencies</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 </a:t>
            </a: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seen</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 </a:t>
            </a: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during</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 the Janice, James and </a:t>
            </a: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Leadon</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 </a:t>
            </a: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decommissioning</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 </a:t>
            </a: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project</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 </a:t>
            </a: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lay</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 the </a:t>
            </a: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foundation</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 for </a:t>
            </a: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creating</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 Maersk Decom.</a:t>
            </a:r>
          </a:p>
        </p:txBody>
      </p:sp>
      <p:sp>
        <p:nvSpPr>
          <p:cNvPr id="10" name="Rectangle 9">
            <a:extLst>
              <a:ext uri="{FF2B5EF4-FFF2-40B4-BE49-F238E27FC236}">
                <a16:creationId xmlns:a16="http://schemas.microsoft.com/office/drawing/2014/main" id="{57EC80BA-3941-48E7-98F2-5B4222FF807C}"/>
              </a:ext>
            </a:extLst>
          </p:cNvPr>
          <p:cNvSpPr/>
          <p:nvPr/>
        </p:nvSpPr>
        <p:spPr>
          <a:xfrm>
            <a:off x="3350898" y="1989889"/>
            <a:ext cx="2620279" cy="627017"/>
          </a:xfrm>
          <a:prstGeom prst="rect">
            <a:avLst/>
          </a:prstGeom>
          <a:solidFill>
            <a:schemeClr val="bg1">
              <a:alpha val="6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60"/>
              </a:spcBef>
              <a:spcAft>
                <a:spcPts val="600"/>
              </a:spcAft>
              <a:buClrTx/>
              <a:buSzTx/>
              <a:buFontTx/>
              <a:buNone/>
              <a:tabLst/>
              <a:defRPr/>
            </a:pPr>
            <a:r>
              <a:rPr kumimoji="0" lang="da-DK" sz="4000" b="0" i="0" u="none" strike="noStrike" kern="1200" cap="none" spc="0" normalizeH="0" baseline="0" noProof="0">
                <a:ln>
                  <a:noFill/>
                </a:ln>
                <a:solidFill>
                  <a:srgbClr val="00243D"/>
                </a:solidFill>
                <a:effectLst/>
                <a:uLnTx/>
                <a:uFillTx/>
                <a:latin typeface="Maersk Headline Light" panose="00000400000000000000" pitchFamily="50" charset="0"/>
                <a:ea typeface="+mn-ea"/>
                <a:cs typeface="+mn-cs"/>
              </a:rPr>
              <a:t>2017</a:t>
            </a:r>
          </a:p>
        </p:txBody>
      </p:sp>
      <p:sp>
        <p:nvSpPr>
          <p:cNvPr id="11" name="Rectangle 10">
            <a:extLst>
              <a:ext uri="{FF2B5EF4-FFF2-40B4-BE49-F238E27FC236}">
                <a16:creationId xmlns:a16="http://schemas.microsoft.com/office/drawing/2014/main" id="{B5D752D2-CA77-480D-9BF1-830150ACB76F}"/>
              </a:ext>
            </a:extLst>
          </p:cNvPr>
          <p:cNvSpPr/>
          <p:nvPr/>
        </p:nvSpPr>
        <p:spPr>
          <a:xfrm>
            <a:off x="6220212" y="1989889"/>
            <a:ext cx="2620074" cy="627017"/>
          </a:xfrm>
          <a:prstGeom prst="rect">
            <a:avLst/>
          </a:prstGeom>
          <a:solidFill>
            <a:schemeClr val="bg1">
              <a:alpha val="6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60"/>
              </a:spcBef>
              <a:spcAft>
                <a:spcPts val="600"/>
              </a:spcAft>
              <a:buClrTx/>
              <a:buSzTx/>
              <a:buFontTx/>
              <a:buNone/>
              <a:tabLst/>
              <a:defRPr/>
            </a:pPr>
            <a:r>
              <a:rPr kumimoji="0" lang="da-DK" sz="4000" b="0" i="0" u="none" strike="noStrike" kern="1200" cap="none" spc="0" normalizeH="0" baseline="0" noProof="0">
                <a:ln>
                  <a:noFill/>
                </a:ln>
                <a:solidFill>
                  <a:srgbClr val="00243D"/>
                </a:solidFill>
                <a:effectLst/>
                <a:uLnTx/>
                <a:uFillTx/>
                <a:latin typeface="Maersk Headline Light" panose="00000400000000000000" pitchFamily="50" charset="0"/>
                <a:ea typeface="+mn-ea"/>
                <a:cs typeface="+mn-cs"/>
              </a:rPr>
              <a:t>2018</a:t>
            </a:r>
          </a:p>
        </p:txBody>
      </p:sp>
      <p:sp>
        <p:nvSpPr>
          <p:cNvPr id="12" name="Rectangle 11">
            <a:extLst>
              <a:ext uri="{FF2B5EF4-FFF2-40B4-BE49-F238E27FC236}">
                <a16:creationId xmlns:a16="http://schemas.microsoft.com/office/drawing/2014/main" id="{F0EBC542-827D-4EBD-BED2-1A8C7945C0DC}"/>
              </a:ext>
            </a:extLst>
          </p:cNvPr>
          <p:cNvSpPr/>
          <p:nvPr/>
        </p:nvSpPr>
        <p:spPr>
          <a:xfrm>
            <a:off x="500063" y="1989889"/>
            <a:ext cx="2601801" cy="627017"/>
          </a:xfrm>
          <a:prstGeom prst="rect">
            <a:avLst/>
          </a:prstGeom>
          <a:solidFill>
            <a:schemeClr val="bg1">
              <a:alpha val="6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60"/>
              </a:spcBef>
              <a:spcAft>
                <a:spcPts val="600"/>
              </a:spcAft>
              <a:buClrTx/>
              <a:buSzTx/>
              <a:buFontTx/>
              <a:buNone/>
              <a:tabLst/>
              <a:defRPr/>
            </a:pPr>
            <a:r>
              <a:rPr kumimoji="0" lang="da-DK" sz="4000" b="0" i="0" u="none" strike="noStrike" kern="1200" cap="none" spc="0" normalizeH="0" baseline="0" noProof="0">
                <a:ln>
                  <a:noFill/>
                </a:ln>
                <a:solidFill>
                  <a:srgbClr val="00243D"/>
                </a:solidFill>
                <a:effectLst/>
                <a:uLnTx/>
                <a:uFillTx/>
                <a:latin typeface="Maersk Headline Light" panose="00000400000000000000" pitchFamily="50" charset="0"/>
                <a:ea typeface="+mn-ea"/>
                <a:cs typeface="+mn-cs"/>
              </a:rPr>
              <a:t>2016</a:t>
            </a:r>
          </a:p>
        </p:txBody>
      </p:sp>
      <p:sp>
        <p:nvSpPr>
          <p:cNvPr id="20" name="Content Placeholder 6">
            <a:extLst>
              <a:ext uri="{FF2B5EF4-FFF2-40B4-BE49-F238E27FC236}">
                <a16:creationId xmlns:a16="http://schemas.microsoft.com/office/drawing/2014/main" id="{4ECA4F1E-911C-4715-970C-C5AF8136060A}"/>
              </a:ext>
            </a:extLst>
          </p:cNvPr>
          <p:cNvSpPr txBox="1">
            <a:spLocks/>
          </p:cNvSpPr>
          <p:nvPr/>
        </p:nvSpPr>
        <p:spPr>
          <a:xfrm>
            <a:off x="9282860" y="4781877"/>
            <a:ext cx="2233404" cy="933449"/>
          </a:xfrm>
          <a:prstGeom prst="rect">
            <a:avLst/>
          </a:prstGeom>
        </p:spPr>
        <p:txBody>
          <a:bodyPr vert="horz" lIns="0" tIns="0" rIns="0" bIns="0" rtlCol="0">
            <a:noAutofit/>
          </a:bodyPr>
          <a:lstStyle>
            <a:lvl1pPr marL="216000" indent="-216000" algn="l" defTabSz="1219170" rtl="0" eaLnBrk="1" latinLnBrk="0" hangingPunct="1">
              <a:spcBef>
                <a:spcPts val="800"/>
              </a:spcBef>
              <a:spcAft>
                <a:spcPts val="0"/>
              </a:spcAft>
              <a:buSzPct val="80000"/>
              <a:buFont typeface="Verdana" pitchFamily="34" charset="0"/>
              <a:buChar char="•"/>
              <a:defRPr sz="1800" kern="1200" spc="-13" baseline="0">
                <a:solidFill>
                  <a:schemeClr val="tx1"/>
                </a:solidFill>
                <a:latin typeface="+mn-lt"/>
                <a:ea typeface="+mn-ea"/>
                <a:cs typeface="+mn-cs"/>
              </a:defRPr>
            </a:lvl1pPr>
            <a:lvl2pPr marL="432000" indent="-216000" algn="l" defTabSz="1219170" rtl="0" eaLnBrk="1" latinLnBrk="0" hangingPunct="1">
              <a:spcBef>
                <a:spcPts val="800"/>
              </a:spcBef>
              <a:spcAft>
                <a:spcPts val="0"/>
              </a:spcAft>
              <a:buSzPct val="80000"/>
              <a:buFont typeface="Verdana" pitchFamily="34" charset="0"/>
              <a:buChar char="•"/>
              <a:defRPr sz="1600" kern="1200" spc="-13" baseline="0">
                <a:solidFill>
                  <a:schemeClr val="tx1"/>
                </a:solidFill>
                <a:latin typeface="+mn-lt"/>
                <a:ea typeface="+mn-ea"/>
                <a:cs typeface="+mn-cs"/>
              </a:defRPr>
            </a:lvl2pPr>
            <a:lvl3pPr marL="648000" indent="-216000" algn="l" defTabSz="1219170" rtl="0" eaLnBrk="1" latinLnBrk="0" hangingPunct="1">
              <a:spcBef>
                <a:spcPts val="800"/>
              </a:spcBef>
              <a:spcAft>
                <a:spcPts val="0"/>
              </a:spcAft>
              <a:buSzPct val="80000"/>
              <a:buFont typeface="Verdana" pitchFamily="34" charset="0"/>
              <a:buChar char="•"/>
              <a:defRPr sz="1600" kern="1200" spc="-13" baseline="0">
                <a:solidFill>
                  <a:schemeClr val="tx1"/>
                </a:solidFill>
                <a:latin typeface="+mn-lt"/>
                <a:ea typeface="+mn-ea"/>
                <a:cs typeface="+mn-cs"/>
              </a:defRPr>
            </a:lvl3pPr>
            <a:lvl4pPr marL="864000" indent="-216000" algn="l" defTabSz="1219170" rtl="0" eaLnBrk="1" latinLnBrk="0" hangingPunct="1">
              <a:spcBef>
                <a:spcPts val="800"/>
              </a:spcBef>
              <a:spcAft>
                <a:spcPts val="0"/>
              </a:spcAft>
              <a:buSzPct val="80000"/>
              <a:buFont typeface="Verdana" pitchFamily="34" charset="0"/>
              <a:buChar char="•"/>
              <a:defRPr sz="1600" kern="1200" spc="-13" baseline="0">
                <a:solidFill>
                  <a:schemeClr val="tx1"/>
                </a:solidFill>
                <a:latin typeface="+mn-lt"/>
                <a:ea typeface="+mn-ea"/>
                <a:cs typeface="+mn-cs"/>
              </a:defRPr>
            </a:lvl4pPr>
            <a:lvl5pPr marL="1080000" indent="-216000" algn="l" defTabSz="1219170" rtl="0" eaLnBrk="1" latinLnBrk="0" hangingPunct="1">
              <a:spcBef>
                <a:spcPts val="800"/>
              </a:spcBef>
              <a:spcAft>
                <a:spcPts val="0"/>
              </a:spcAft>
              <a:buSzPct val="80000"/>
              <a:buFont typeface="Verdana" pitchFamily="34" charset="0"/>
              <a:buChar char="•"/>
              <a:defRPr sz="1600" kern="1200" spc="-13" baseline="0">
                <a:solidFill>
                  <a:schemeClr val="tx1"/>
                </a:solidFill>
                <a:latin typeface="+mn-lt"/>
                <a:ea typeface="+mn-ea"/>
                <a:cs typeface="+mn-cs"/>
              </a:defRPr>
            </a:lvl5pPr>
            <a:lvl6pPr marL="1080000" indent="-216000" algn="l" defTabSz="1219170" rtl="0" eaLnBrk="1" latinLnBrk="0" hangingPunct="1">
              <a:spcBef>
                <a:spcPts val="800"/>
              </a:spcBef>
              <a:buSzPct val="80000"/>
              <a:buFont typeface="Verdana" pitchFamily="34" charset="0"/>
              <a:buChar char="•"/>
              <a:defRPr sz="1600" kern="1200">
                <a:solidFill>
                  <a:schemeClr val="tx1"/>
                </a:solidFill>
                <a:latin typeface="+mn-lt"/>
                <a:ea typeface="+mn-ea"/>
                <a:cs typeface="+mn-cs"/>
              </a:defRPr>
            </a:lvl6pPr>
            <a:lvl7pPr marL="1080000" indent="-216000" algn="l" defTabSz="1219170" rtl="0" eaLnBrk="1" latinLnBrk="0" hangingPunct="1">
              <a:spcBef>
                <a:spcPts val="800"/>
              </a:spcBef>
              <a:buSzPct val="80000"/>
              <a:buFont typeface="Verdana" pitchFamily="34" charset="0"/>
              <a:buChar char="•"/>
              <a:defRPr sz="1600" kern="1200">
                <a:solidFill>
                  <a:schemeClr val="tx1"/>
                </a:solidFill>
                <a:latin typeface="+mn-lt"/>
                <a:ea typeface="+mn-ea"/>
                <a:cs typeface="+mn-cs"/>
              </a:defRPr>
            </a:lvl7pPr>
            <a:lvl8pPr marL="1080000" indent="-216000" algn="l" defTabSz="1219170" rtl="0" eaLnBrk="1" latinLnBrk="0" hangingPunct="1">
              <a:spcBef>
                <a:spcPts val="800"/>
              </a:spcBef>
              <a:buSzPct val="80000"/>
              <a:buFont typeface="Verdana" pitchFamily="34" charset="0"/>
              <a:buChar char="•"/>
              <a:defRPr sz="1600" kern="1200">
                <a:solidFill>
                  <a:schemeClr val="tx1"/>
                </a:solidFill>
                <a:latin typeface="+mn-lt"/>
                <a:ea typeface="+mn-ea"/>
                <a:cs typeface="+mn-cs"/>
              </a:defRPr>
            </a:lvl8pPr>
            <a:lvl9pPr marL="1080000" indent="-216000" algn="l" defTabSz="1219170" rtl="0" eaLnBrk="1" latinLnBrk="0" hangingPunct="1">
              <a:spcBef>
                <a:spcPts val="800"/>
              </a:spcBef>
              <a:buSzPct val="80000"/>
              <a:buFont typeface="Verdana" pitchFamily="34" charset="0"/>
              <a:buChar char="•"/>
              <a:defRPr sz="1600" kern="1200">
                <a:solidFill>
                  <a:schemeClr val="tx1"/>
                </a:solidFill>
                <a:latin typeface="+mn-lt"/>
                <a:ea typeface="+mn-ea"/>
                <a:cs typeface="+mn-cs"/>
              </a:defRPr>
            </a:lvl9pPr>
          </a:lstStyle>
          <a:p>
            <a:pPr marL="0" marR="0" lvl="0" indent="0" algn="ctr" defTabSz="1219170" rtl="0" eaLnBrk="1" fontAlgn="auto" latinLnBrk="0" hangingPunct="1">
              <a:lnSpc>
                <a:spcPct val="100000"/>
              </a:lnSpc>
              <a:spcBef>
                <a:spcPts val="800"/>
              </a:spcBef>
              <a:spcAft>
                <a:spcPts val="0"/>
              </a:spcAft>
              <a:buClrTx/>
              <a:buSzPct val="80000"/>
              <a:buFont typeface="Verdana" pitchFamily="34" charset="0"/>
              <a:buNone/>
              <a:tabLst/>
              <a:defRPr/>
            </a:pP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Maersk Decom </a:t>
            </a: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executes</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 </a:t>
            </a: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its</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 </a:t>
            </a: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first</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 </a:t>
            </a: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project</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 with the removal, </a:t>
            </a: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recycling</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 and </a:t>
            </a: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waste</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 management of </a:t>
            </a: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subsea</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 </a:t>
            </a: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infrastructure</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 for the Thames </a:t>
            </a:r>
            <a:r>
              <a:rPr kumimoji="0" lang="da-DK" sz="1050" b="0" i="0" u="none" strike="noStrike" kern="1200" cap="none" spc="0" normalizeH="0" baseline="0" noProof="0" err="1">
                <a:ln>
                  <a:noFill/>
                </a:ln>
                <a:solidFill>
                  <a:prstClr val="black"/>
                </a:solidFill>
                <a:effectLst/>
                <a:uLnTx/>
                <a:uFillTx/>
                <a:latin typeface="Maersk Text Light" panose="00000400000000000000" pitchFamily="50" charset="0"/>
                <a:ea typeface="+mn-ea"/>
                <a:cs typeface="+mn-cs"/>
              </a:rPr>
              <a:t>field</a:t>
            </a:r>
            <a:r>
              <a:rPr kumimoji="0" lang="da-DK" sz="105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rPr>
              <a:t>.</a:t>
            </a:r>
          </a:p>
        </p:txBody>
      </p:sp>
      <p:sp>
        <p:nvSpPr>
          <p:cNvPr id="21" name="Rectangle 20">
            <a:extLst>
              <a:ext uri="{FF2B5EF4-FFF2-40B4-BE49-F238E27FC236}">
                <a16:creationId xmlns:a16="http://schemas.microsoft.com/office/drawing/2014/main" id="{4756BDEA-C7E6-41CC-9BC4-20965C67DE6E}"/>
              </a:ext>
            </a:extLst>
          </p:cNvPr>
          <p:cNvSpPr/>
          <p:nvPr/>
        </p:nvSpPr>
        <p:spPr>
          <a:xfrm>
            <a:off x="9089526" y="1989889"/>
            <a:ext cx="2620074" cy="627017"/>
          </a:xfrm>
          <a:prstGeom prst="rect">
            <a:avLst/>
          </a:prstGeom>
          <a:solidFill>
            <a:schemeClr val="bg1">
              <a:alpha val="6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60"/>
              </a:spcBef>
              <a:spcAft>
                <a:spcPts val="600"/>
              </a:spcAft>
              <a:buClrTx/>
              <a:buSzTx/>
              <a:buFontTx/>
              <a:buNone/>
              <a:tabLst/>
              <a:defRPr/>
            </a:pPr>
            <a:r>
              <a:rPr kumimoji="0" lang="da-DK" sz="4000" b="0" i="0" u="none" strike="noStrike" kern="1200" cap="none" spc="0" normalizeH="0" baseline="0" noProof="0">
                <a:ln>
                  <a:noFill/>
                </a:ln>
                <a:solidFill>
                  <a:srgbClr val="00243D"/>
                </a:solidFill>
                <a:effectLst/>
                <a:uLnTx/>
                <a:uFillTx/>
                <a:latin typeface="Maersk Headline Light" panose="00000400000000000000" pitchFamily="50" charset="0"/>
                <a:ea typeface="+mn-ea"/>
                <a:cs typeface="+mn-cs"/>
              </a:rPr>
              <a:t>2019</a:t>
            </a:r>
          </a:p>
        </p:txBody>
      </p:sp>
      <p:pic>
        <p:nvPicPr>
          <p:cNvPr id="16" name="Picture 15" descr="A picture containing logo&#10;&#10;Description automatically generated">
            <a:extLst>
              <a:ext uri="{FF2B5EF4-FFF2-40B4-BE49-F238E27FC236}">
                <a16:creationId xmlns:a16="http://schemas.microsoft.com/office/drawing/2014/main" id="{AF3CDF37-34C8-A043-950C-736134096F2A}"/>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11109833" y="179654"/>
            <a:ext cx="896977" cy="896977"/>
          </a:xfrm>
          <a:prstGeom prst="rect">
            <a:avLst/>
          </a:prstGeom>
        </p:spPr>
      </p:pic>
    </p:spTree>
    <p:custDataLst>
      <p:tags r:id="rId1"/>
    </p:custDataLst>
    <p:extLst>
      <p:ext uri="{BB962C8B-B14F-4D97-AF65-F5344CB8AC3E}">
        <p14:creationId xmlns:p14="http://schemas.microsoft.com/office/powerpoint/2010/main" val="287480215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8DE298EE-0638-410D-8EE9-15CF00298CCA}"/>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A204BC-C5BA-4EF4-ABC8-D45123A0C528}" type="slidenum">
              <a:rPr kumimoji="0" lang="en-GB" sz="1000" b="0" i="0" u="none" strike="noStrike" kern="1200" cap="none" spc="0" normalizeH="0" baseline="0" noProof="0" smtClean="0">
                <a:ln>
                  <a:noFill/>
                </a:ln>
                <a:solidFill>
                  <a:prstClr val="black"/>
                </a:solidFill>
                <a:effectLst/>
                <a:uLnTx/>
                <a:uFillTx/>
                <a:latin typeface="Maersk Text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5</a:t>
            </a:fld>
            <a:endParaRPr kumimoji="0" lang="en-GB" sz="1000" b="0" i="0" u="none" strike="noStrike" kern="1200" cap="none" spc="0" normalizeH="0" baseline="0" noProof="0">
              <a:ln>
                <a:noFill/>
              </a:ln>
              <a:solidFill>
                <a:prstClr val="black"/>
              </a:solidFill>
              <a:effectLst/>
              <a:uLnTx/>
              <a:uFillTx/>
              <a:latin typeface="Maersk Text Office"/>
              <a:ea typeface="+mn-ea"/>
              <a:cs typeface="+mn-cs"/>
            </a:endParaRPr>
          </a:p>
        </p:txBody>
      </p:sp>
      <p:sp>
        <p:nvSpPr>
          <p:cNvPr id="3" name="Title 2">
            <a:extLst>
              <a:ext uri="{FF2B5EF4-FFF2-40B4-BE49-F238E27FC236}">
                <a16:creationId xmlns:a16="http://schemas.microsoft.com/office/drawing/2014/main" id="{86F37277-9C42-4BD1-927E-7F1962FB1120}"/>
              </a:ext>
            </a:extLst>
          </p:cNvPr>
          <p:cNvSpPr>
            <a:spLocks noGrp="1"/>
          </p:cNvSpPr>
          <p:nvPr>
            <p:ph type="title"/>
          </p:nvPr>
        </p:nvSpPr>
        <p:spPr/>
        <p:txBody>
          <a:bodyPr/>
          <a:lstStyle/>
          <a:p>
            <a:r>
              <a:rPr lang="en-US" err="1"/>
              <a:t>Maerks</a:t>
            </a:r>
            <a:r>
              <a:rPr lang="en-US"/>
              <a:t> Decom's mission</a:t>
            </a:r>
            <a:endParaRPr lang="da-DK"/>
          </a:p>
        </p:txBody>
      </p:sp>
      <p:sp>
        <p:nvSpPr>
          <p:cNvPr id="6" name="Title 5">
            <a:extLst>
              <a:ext uri="{FF2B5EF4-FFF2-40B4-BE49-F238E27FC236}">
                <a16:creationId xmlns:a16="http://schemas.microsoft.com/office/drawing/2014/main" id="{2D81EBA2-E79D-4E73-80D8-CA877DCF40C7}"/>
              </a:ext>
            </a:extLst>
          </p:cNvPr>
          <p:cNvSpPr txBox="1">
            <a:spLocks/>
          </p:cNvSpPr>
          <p:nvPr/>
        </p:nvSpPr>
        <p:spPr>
          <a:xfrm>
            <a:off x="488518" y="2307639"/>
            <a:ext cx="5229381" cy="826125"/>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3000" kern="1200">
                <a:solidFill>
                  <a:schemeClr val="bg2"/>
                </a:solidFill>
                <a:latin typeface="+mj-lt"/>
                <a:ea typeface="+mj-ea"/>
                <a:cs typeface="+mj-cs"/>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kumimoji="0" lang="en-US" sz="3200" b="1" i="0" u="none" strike="noStrike" kern="1200" cap="none" spc="0" normalizeH="0" baseline="0" noProof="0">
                <a:ln>
                  <a:noFill/>
                </a:ln>
                <a:solidFill>
                  <a:srgbClr val="00243D"/>
                </a:solidFill>
                <a:effectLst/>
                <a:uLnTx/>
                <a:uFillTx/>
                <a:latin typeface="Maersk Text Office"/>
                <a:ea typeface="+mj-ea"/>
                <a:cs typeface="+mj-cs"/>
              </a:rPr>
              <a:t>The dedicated decommissioning partner for the offshore energy industry.</a:t>
            </a:r>
            <a:endParaRPr kumimoji="0" lang="da-DK" sz="3200" b="1" i="0" u="none" strike="noStrike" kern="1200" cap="none" spc="0" normalizeH="0" baseline="0" noProof="0">
              <a:ln>
                <a:noFill/>
              </a:ln>
              <a:solidFill>
                <a:srgbClr val="00243D"/>
              </a:solidFill>
              <a:effectLst/>
              <a:uLnTx/>
              <a:uFillTx/>
              <a:latin typeface="Maersk Text Office"/>
              <a:ea typeface="+mj-ea"/>
              <a:cs typeface="+mj-cs"/>
            </a:endParaRPr>
          </a:p>
        </p:txBody>
      </p:sp>
      <p:sp>
        <p:nvSpPr>
          <p:cNvPr id="10" name="Rectangle 9">
            <a:extLst>
              <a:ext uri="{FF2B5EF4-FFF2-40B4-BE49-F238E27FC236}">
                <a16:creationId xmlns:a16="http://schemas.microsoft.com/office/drawing/2014/main" id="{1D1B7DD8-0FE2-4B80-A48E-17DEAAC4953E}"/>
              </a:ext>
            </a:extLst>
          </p:cNvPr>
          <p:cNvSpPr/>
          <p:nvPr/>
        </p:nvSpPr>
        <p:spPr>
          <a:xfrm>
            <a:off x="6375501" y="1091173"/>
            <a:ext cx="4878652" cy="3058533"/>
          </a:xfrm>
          <a:prstGeom prst="rect">
            <a:avLst/>
          </a:prstGeom>
        </p:spPr>
        <p:txBody>
          <a:bodyPr wrap="square" lIns="91440" tIns="45720" rIns="91440" bIns="45720" anchor="t">
            <a:spAutoFit/>
          </a:bodyPr>
          <a:lstStyle/>
          <a:p>
            <a:pPr>
              <a:defRPr/>
            </a:pPr>
            <a:endParaRPr lang="en-US" sz="1600" kern="1400" spc="-50">
              <a:solidFill>
                <a:srgbClr val="00243D"/>
              </a:solidFill>
              <a:latin typeface="Maersk Text Light"/>
              <a:cs typeface="Times New Roman"/>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600" b="0" i="1" u="none" strike="noStrike" kern="1400" cap="none" spc="-50" normalizeH="0" baseline="0" noProof="0">
              <a:ln>
                <a:noFill/>
              </a:ln>
              <a:solidFill>
                <a:srgbClr val="00243D"/>
              </a:solidFill>
              <a:effectLst/>
              <a:uLnTx/>
              <a:uFillTx/>
              <a:latin typeface="Maersk Text Light" panose="00000400000000000000" pitchFamily="50" charset="0"/>
              <a:ea typeface="Times New Roman" panose="02020603050405020304" pitchFamily="18" charset="0"/>
              <a:cs typeface="Times New Roman" panose="02020603050405020304" pitchFamily="18" charset="0"/>
            </a:endParaRPr>
          </a:p>
          <a:p>
            <a:pPr>
              <a:defRPr/>
            </a:pPr>
            <a:r>
              <a:rPr lang="en-US" sz="1600" i="1" kern="1400" spc="-50">
                <a:solidFill>
                  <a:srgbClr val="00243D"/>
                </a:solidFill>
                <a:latin typeface="Maersk Text Light"/>
                <a:ea typeface="Times New Roman" panose="02020603050405020304" pitchFamily="18" charset="0"/>
                <a:cs typeface="Times New Roman"/>
              </a:rPr>
              <a:t>"</a:t>
            </a:r>
            <a:r>
              <a:rPr kumimoji="0" lang="en-US" sz="1600" b="0" i="1" u="none" strike="noStrike" kern="1400" cap="none" spc="-50" normalizeH="0" baseline="0" noProof="0">
                <a:ln>
                  <a:noFill/>
                </a:ln>
                <a:solidFill>
                  <a:srgbClr val="00243D"/>
                </a:solidFill>
                <a:effectLst/>
                <a:uLnTx/>
                <a:uFillTx/>
                <a:latin typeface="Maersk Text Light"/>
                <a:ea typeface="Times New Roman" panose="02020603050405020304" pitchFamily="18" charset="0"/>
                <a:cs typeface="Times New Roman"/>
              </a:rPr>
              <a:t>We are a dedicated team of experts in the field who are committed to constant improvement – incorporating learnings from every project we work on into the project at hand. We address key issues such as predictability of costs, risk, compliance, sustainability and reputation.</a:t>
            </a:r>
            <a:r>
              <a:rPr lang="en-US" sz="1600" i="1" kern="1400" spc="-50">
                <a:solidFill>
                  <a:srgbClr val="00243D"/>
                </a:solidFill>
                <a:latin typeface="Maersk Text Light"/>
                <a:ea typeface="Times New Roman" panose="02020603050405020304" pitchFamily="18" charset="0"/>
                <a:cs typeface="Times New Roman"/>
              </a:rPr>
              <a:t> </a:t>
            </a:r>
            <a:endParaRPr lang="en-US" sz="1600" b="0" i="1" u="none" strike="noStrike" kern="1400" cap="none" spc="-50" normalizeH="0" baseline="0" noProof="0">
              <a:ln>
                <a:noFill/>
              </a:ln>
              <a:solidFill>
                <a:srgbClr val="00243D"/>
              </a:solidFill>
              <a:effectLst/>
              <a:uLnTx/>
              <a:uFillTx/>
              <a:latin typeface="Maersk Text Light" panose="00000400000000000000" pitchFamily="50" charset="0"/>
              <a:ea typeface="Times New Roman" panose="02020603050405020304" pitchFamily="18"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600" b="0" i="1" u="none" strike="noStrike" kern="1400" cap="none" spc="-50" normalizeH="0" baseline="0" noProof="0">
              <a:ln>
                <a:noFill/>
              </a:ln>
              <a:solidFill>
                <a:srgbClr val="00243D"/>
              </a:solidFill>
              <a:effectLst/>
              <a:uLnTx/>
              <a:uFillTx/>
              <a:latin typeface="Maersk Text Light" panose="00000400000000000000" pitchFamily="50" charset="0"/>
              <a:ea typeface="Times New Roman" panose="02020603050405020304" pitchFamily="18"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1" u="none" strike="noStrike" kern="1400" cap="none" spc="-50" normalizeH="0" baseline="0" noProof="0">
                <a:ln>
                  <a:noFill/>
                </a:ln>
                <a:solidFill>
                  <a:srgbClr val="00243D"/>
                </a:solidFill>
                <a:effectLst/>
                <a:uLnTx/>
                <a:uFillTx/>
                <a:latin typeface="Maersk Text Light"/>
                <a:ea typeface="Times New Roman" panose="02020603050405020304" pitchFamily="18" charset="0"/>
                <a:cs typeface="Times New Roman"/>
              </a:rPr>
              <a:t>To do it, we draw upon more than 50 years of experience and assets from the offshore support vessel and drilling industries. And we deliver it all as one integrated team including project management and engineering</a:t>
            </a:r>
            <a:r>
              <a:rPr lang="en-US" sz="1600" i="1" kern="1400" spc="-50">
                <a:solidFill>
                  <a:srgbClr val="00243D"/>
                </a:solidFill>
                <a:latin typeface="Maersk Text Light"/>
                <a:ea typeface="Times New Roman" panose="02020603050405020304" pitchFamily="18" charset="0"/>
                <a:cs typeface="Times New Roman"/>
              </a:rPr>
              <a:t>."</a:t>
            </a:r>
            <a:endParaRPr lang="en-US" sz="1600" b="0" i="1" u="none" strike="noStrike" kern="1400" cap="none" spc="-50" normalizeH="0" baseline="0" noProof="0">
              <a:ln>
                <a:noFill/>
              </a:ln>
              <a:solidFill>
                <a:srgbClr val="00243D"/>
              </a:solidFill>
              <a:effectLst/>
              <a:uLnTx/>
              <a:uFillTx/>
              <a:latin typeface="Maersk Text Light"/>
              <a:ea typeface="Times New Roman" panose="02020603050405020304" pitchFamily="18" charset="0"/>
              <a:cs typeface="Times New Roman"/>
            </a:endParaRPr>
          </a:p>
        </p:txBody>
      </p:sp>
      <p:pic>
        <p:nvPicPr>
          <p:cNvPr id="7" name="Picture 6" descr="A picture containing logo&#10;&#10;Description automatically generated">
            <a:extLst>
              <a:ext uri="{FF2B5EF4-FFF2-40B4-BE49-F238E27FC236}">
                <a16:creationId xmlns:a16="http://schemas.microsoft.com/office/drawing/2014/main" id="{85468E09-3F7A-D549-A303-ABF8CF29240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109833" y="179654"/>
            <a:ext cx="896977" cy="896977"/>
          </a:xfrm>
          <a:prstGeom prst="rect">
            <a:avLst/>
          </a:prstGeom>
        </p:spPr>
      </p:pic>
    </p:spTree>
    <p:custDataLst>
      <p:tags r:id="rId1"/>
    </p:custDataLst>
    <p:extLst>
      <p:ext uri="{BB962C8B-B14F-4D97-AF65-F5344CB8AC3E}">
        <p14:creationId xmlns:p14="http://schemas.microsoft.com/office/powerpoint/2010/main" val="107205188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30913848-0CDD-468A-9F34-2F7515B13045}"/>
              </a:ext>
            </a:extLst>
          </p:cNvPr>
          <p:cNvSpPr/>
          <p:nvPr/>
        </p:nvSpPr>
        <p:spPr>
          <a:xfrm>
            <a:off x="0" y="0"/>
            <a:ext cx="12192000" cy="3483411"/>
          </a:xfrm>
          <a:prstGeom prst="rect">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2000" b="0" i="0" u="none" strike="noStrike" kern="1200" cap="none" spc="0" normalizeH="0" baseline="0" noProof="0" err="1">
              <a:ln>
                <a:noFill/>
              </a:ln>
              <a:solidFill>
                <a:prstClr val="white"/>
              </a:solidFill>
              <a:effectLst/>
              <a:uLnTx/>
              <a:uFillTx/>
              <a:latin typeface="Maersk Text Office"/>
              <a:ea typeface="+mn-ea"/>
              <a:cs typeface="+mn-cs"/>
            </a:endParaRPr>
          </a:p>
        </p:txBody>
      </p:sp>
      <p:sp>
        <p:nvSpPr>
          <p:cNvPr id="3" name="Title 2">
            <a:extLst>
              <a:ext uri="{FF2B5EF4-FFF2-40B4-BE49-F238E27FC236}">
                <a16:creationId xmlns:a16="http://schemas.microsoft.com/office/drawing/2014/main" id="{7B53CC9E-AF60-437D-A928-88A9C16B7DA9}"/>
              </a:ext>
            </a:extLst>
          </p:cNvPr>
          <p:cNvSpPr>
            <a:spLocks noGrp="1"/>
          </p:cNvSpPr>
          <p:nvPr>
            <p:ph type="title"/>
          </p:nvPr>
        </p:nvSpPr>
        <p:spPr/>
        <p:txBody>
          <a:bodyPr/>
          <a:lstStyle/>
          <a:p>
            <a:r>
              <a:rPr lang="da-DK"/>
              <a:t>Vision: </a:t>
            </a:r>
            <a:endParaRPr lang="da-DK">
              <a:solidFill>
                <a:schemeClr val="accent4">
                  <a:lumMod val="75000"/>
                  <a:lumOff val="25000"/>
                </a:schemeClr>
              </a:solidFill>
            </a:endParaRPr>
          </a:p>
        </p:txBody>
      </p:sp>
      <p:grpSp>
        <p:nvGrpSpPr>
          <p:cNvPr id="69" name="Group 68">
            <a:extLst>
              <a:ext uri="{FF2B5EF4-FFF2-40B4-BE49-F238E27FC236}">
                <a16:creationId xmlns:a16="http://schemas.microsoft.com/office/drawing/2014/main" id="{6E5CD575-FDCB-4808-8F82-AE11F2689E4D}"/>
              </a:ext>
            </a:extLst>
          </p:cNvPr>
          <p:cNvGrpSpPr/>
          <p:nvPr/>
        </p:nvGrpSpPr>
        <p:grpSpPr>
          <a:xfrm>
            <a:off x="0" y="990600"/>
            <a:ext cx="12192000" cy="5867400"/>
            <a:chOff x="144605" y="1035714"/>
            <a:chExt cx="11901215" cy="5312470"/>
          </a:xfrm>
        </p:grpSpPr>
        <p:sp>
          <p:nvSpPr>
            <p:cNvPr id="70" name="Rectangle 11">
              <a:extLst>
                <a:ext uri="{FF2B5EF4-FFF2-40B4-BE49-F238E27FC236}">
                  <a16:creationId xmlns:a16="http://schemas.microsoft.com/office/drawing/2014/main" id="{594A48A6-823A-4FB6-84FE-65DD792D8C72}"/>
                </a:ext>
              </a:extLst>
            </p:cNvPr>
            <p:cNvSpPr/>
            <p:nvPr/>
          </p:nvSpPr>
          <p:spPr>
            <a:xfrm>
              <a:off x="146463" y="3292759"/>
              <a:ext cx="11899357" cy="1934517"/>
            </a:xfrm>
            <a:prstGeom prst="rect">
              <a:avLst/>
            </a:prstGeom>
            <a:gradFill flip="none" rotWithShape="1">
              <a:gsLst>
                <a:gs pos="50000">
                  <a:srgbClr val="5A8DA2"/>
                </a:gs>
                <a:gs pos="0">
                  <a:schemeClr val="accent1">
                    <a:lumMod val="50000"/>
                  </a:schemeClr>
                </a:gs>
                <a:gs pos="100000">
                  <a:schemeClr val="accent2">
                    <a:lumMod val="40000"/>
                    <a:lumOff val="60000"/>
                  </a:schemeClr>
                </a:gs>
              </a:gsLst>
              <a:lin ang="162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80"/>
                </a:spcBef>
                <a:spcAft>
                  <a:spcPts val="800"/>
                </a:spcAft>
                <a:buClrTx/>
                <a:buSzTx/>
                <a:buFontTx/>
                <a:buNone/>
                <a:tabLst/>
                <a:defRPr/>
              </a:pPr>
              <a:endParaRPr kumimoji="0" lang="en-US" sz="2000" b="0" i="0" u="none" strike="noStrike" kern="1200" cap="none" spc="0" normalizeH="0" baseline="0" noProof="0">
                <a:ln>
                  <a:noFill/>
                </a:ln>
                <a:solidFill>
                  <a:srgbClr val="0073AB">
                    <a:lumMod val="20000"/>
                    <a:lumOff val="80000"/>
                  </a:srgbClr>
                </a:solidFill>
                <a:effectLst/>
                <a:uLnTx/>
                <a:uFillTx/>
                <a:latin typeface="Maersk Text Light" panose="00000400000000000000" pitchFamily="50" charset="0"/>
                <a:ea typeface="+mn-ea"/>
                <a:cs typeface="+mn-cs"/>
              </a:endParaRPr>
            </a:p>
          </p:txBody>
        </p:sp>
        <p:pic>
          <p:nvPicPr>
            <p:cNvPr id="71" name="Picture 70">
              <a:extLst>
                <a:ext uri="{FF2B5EF4-FFF2-40B4-BE49-F238E27FC236}">
                  <a16:creationId xmlns:a16="http://schemas.microsoft.com/office/drawing/2014/main" id="{E03B3CB3-BD93-4565-A27C-C6DA940FB5E2}"/>
                </a:ext>
              </a:extLst>
            </p:cNvPr>
            <p:cNvPicPr>
              <a:picLocks noChangeAspect="1"/>
            </p:cNvPicPr>
            <p:nvPr/>
          </p:nvPicPr>
          <p:blipFill rotWithShape="1">
            <a:blip r:embed="rId3">
              <a:duotone>
                <a:schemeClr val="bg2">
                  <a:shade val="45000"/>
                  <a:satMod val="135000"/>
                </a:schemeClr>
                <a:prstClr val="white"/>
              </a:duotone>
              <a:extLst>
                <a:ext uri="{BEBA8EAE-BF5A-486C-A8C5-ECC9F3942E4B}">
                  <a14:imgProps xmlns:a14="http://schemas.microsoft.com/office/drawing/2010/main">
                    <a14:imgLayer r:embed="rId4">
                      <a14:imgEffect>
                        <a14:brightnessContrast bright="-40000" contrast="20000"/>
                      </a14:imgEffect>
                    </a14:imgLayer>
                  </a14:imgProps>
                </a:ext>
              </a:extLst>
            </a:blip>
            <a:srcRect t="63296"/>
            <a:stretch/>
          </p:blipFill>
          <p:spPr>
            <a:xfrm>
              <a:off x="2640865" y="3484093"/>
              <a:ext cx="1753200" cy="625731"/>
            </a:xfrm>
            <a:prstGeom prst="rect">
              <a:avLst/>
            </a:prstGeom>
          </p:spPr>
        </p:pic>
        <p:pic>
          <p:nvPicPr>
            <p:cNvPr id="72" name="Picture 71">
              <a:extLst>
                <a:ext uri="{FF2B5EF4-FFF2-40B4-BE49-F238E27FC236}">
                  <a16:creationId xmlns:a16="http://schemas.microsoft.com/office/drawing/2014/main" id="{4B6773D3-293B-4192-9F41-0F7B402F7EB9}"/>
                </a:ext>
              </a:extLst>
            </p:cNvPr>
            <p:cNvPicPr>
              <a:picLocks noChangeAspect="1"/>
            </p:cNvPicPr>
            <p:nvPr/>
          </p:nvPicPr>
          <p:blipFill rotWithShape="1">
            <a:blip r:embed="rId3">
              <a:duotone>
                <a:schemeClr val="bg2">
                  <a:shade val="45000"/>
                  <a:satMod val="135000"/>
                </a:schemeClr>
                <a:prstClr val="white"/>
              </a:duotone>
              <a:extLst>
                <a:ext uri="{BEBA8EAE-BF5A-486C-A8C5-ECC9F3942E4B}">
                  <a14:imgProps xmlns:a14="http://schemas.microsoft.com/office/drawing/2010/main">
                    <a14:imgLayer r:embed="rId4">
                      <a14:imgEffect>
                        <a14:brightnessContrast bright="-40000" contrast="20000"/>
                      </a14:imgEffect>
                    </a14:imgLayer>
                  </a14:imgProps>
                </a:ext>
              </a:extLst>
            </a:blip>
            <a:srcRect t="63296"/>
            <a:stretch/>
          </p:blipFill>
          <p:spPr>
            <a:xfrm>
              <a:off x="2640865" y="4012988"/>
              <a:ext cx="1753200" cy="625731"/>
            </a:xfrm>
            <a:prstGeom prst="rect">
              <a:avLst/>
            </a:prstGeom>
          </p:spPr>
        </p:pic>
        <p:pic>
          <p:nvPicPr>
            <p:cNvPr id="73" name="Picture 72">
              <a:extLst>
                <a:ext uri="{FF2B5EF4-FFF2-40B4-BE49-F238E27FC236}">
                  <a16:creationId xmlns:a16="http://schemas.microsoft.com/office/drawing/2014/main" id="{FD8C9F79-0230-4C42-B870-67B7A45AA9D3}"/>
                </a:ext>
              </a:extLst>
            </p:cNvPr>
            <p:cNvPicPr>
              <a:picLocks noChangeAspect="1"/>
            </p:cNvPicPr>
            <p:nvPr/>
          </p:nvPicPr>
          <p:blipFill rotWithShape="1">
            <a:blip r:embed="rId3">
              <a:duotone>
                <a:schemeClr val="bg2">
                  <a:shade val="45000"/>
                  <a:satMod val="135000"/>
                </a:schemeClr>
                <a:prstClr val="white"/>
              </a:duotone>
              <a:extLst>
                <a:ext uri="{BEBA8EAE-BF5A-486C-A8C5-ECC9F3942E4B}">
                  <a14:imgProps xmlns:a14="http://schemas.microsoft.com/office/drawing/2010/main">
                    <a14:imgLayer r:embed="rId4">
                      <a14:imgEffect>
                        <a14:brightnessContrast bright="-40000" contrast="20000"/>
                      </a14:imgEffect>
                    </a14:imgLayer>
                  </a14:imgProps>
                </a:ext>
              </a:extLst>
            </a:blip>
            <a:srcRect t="63296"/>
            <a:stretch/>
          </p:blipFill>
          <p:spPr>
            <a:xfrm>
              <a:off x="2640865" y="4541789"/>
              <a:ext cx="1753200" cy="625731"/>
            </a:xfrm>
            <a:prstGeom prst="rect">
              <a:avLst/>
            </a:prstGeom>
          </p:spPr>
        </p:pic>
        <p:grpSp>
          <p:nvGrpSpPr>
            <p:cNvPr id="74" name="Group 73">
              <a:extLst>
                <a:ext uri="{FF2B5EF4-FFF2-40B4-BE49-F238E27FC236}">
                  <a16:creationId xmlns:a16="http://schemas.microsoft.com/office/drawing/2014/main" id="{494EAF5C-E5E4-4E33-A4EE-E741F9175FBD}"/>
                </a:ext>
              </a:extLst>
            </p:cNvPr>
            <p:cNvGrpSpPr/>
            <p:nvPr/>
          </p:nvGrpSpPr>
          <p:grpSpPr>
            <a:xfrm>
              <a:off x="2471831" y="2674202"/>
              <a:ext cx="521105" cy="2502739"/>
              <a:chOff x="2590714" y="2383812"/>
              <a:chExt cx="521105" cy="2502739"/>
            </a:xfrm>
          </p:grpSpPr>
          <p:grpSp>
            <p:nvGrpSpPr>
              <p:cNvPr id="118" name="Group 117">
                <a:extLst>
                  <a:ext uri="{FF2B5EF4-FFF2-40B4-BE49-F238E27FC236}">
                    <a16:creationId xmlns:a16="http://schemas.microsoft.com/office/drawing/2014/main" id="{FDD0D961-2122-406F-BD71-737785467964}"/>
                  </a:ext>
                </a:extLst>
              </p:cNvPr>
              <p:cNvGrpSpPr/>
              <p:nvPr/>
            </p:nvGrpSpPr>
            <p:grpSpPr>
              <a:xfrm>
                <a:off x="2590714" y="4707235"/>
                <a:ext cx="521105" cy="179316"/>
                <a:chOff x="5910281" y="-1277694"/>
                <a:chExt cx="1490174" cy="512780"/>
              </a:xfrm>
            </p:grpSpPr>
            <p:cxnSp>
              <p:nvCxnSpPr>
                <p:cNvPr id="130" name="Straight Connector 129">
                  <a:extLst>
                    <a:ext uri="{FF2B5EF4-FFF2-40B4-BE49-F238E27FC236}">
                      <a16:creationId xmlns:a16="http://schemas.microsoft.com/office/drawing/2014/main" id="{7D4D36FC-6666-47A9-9972-99292FDF6496}"/>
                    </a:ext>
                  </a:extLst>
                </p:cNvPr>
                <p:cNvCxnSpPr>
                  <a:cxnSpLocks/>
                </p:cNvCxnSpPr>
                <p:nvPr/>
              </p:nvCxnSpPr>
              <p:spPr>
                <a:xfrm flipH="1">
                  <a:off x="5910281" y="-1277694"/>
                  <a:ext cx="465390" cy="512780"/>
                </a:xfrm>
                <a:prstGeom prst="line">
                  <a:avLst/>
                </a:prstGeom>
                <a:ln w="28575">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31" name="Straight Connector 130">
                  <a:extLst>
                    <a:ext uri="{FF2B5EF4-FFF2-40B4-BE49-F238E27FC236}">
                      <a16:creationId xmlns:a16="http://schemas.microsoft.com/office/drawing/2014/main" id="{20E34FF1-BAB0-4ED1-9C76-E265423BB8EF}"/>
                    </a:ext>
                  </a:extLst>
                </p:cNvPr>
                <p:cNvCxnSpPr>
                  <a:cxnSpLocks/>
                </p:cNvCxnSpPr>
                <p:nvPr/>
              </p:nvCxnSpPr>
              <p:spPr>
                <a:xfrm flipH="1">
                  <a:off x="6375670" y="-1277694"/>
                  <a:ext cx="549346" cy="0"/>
                </a:xfrm>
                <a:prstGeom prst="line">
                  <a:avLst/>
                </a:prstGeom>
                <a:ln w="28575">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32" name="Straight Connector 131">
                  <a:extLst>
                    <a:ext uri="{FF2B5EF4-FFF2-40B4-BE49-F238E27FC236}">
                      <a16:creationId xmlns:a16="http://schemas.microsoft.com/office/drawing/2014/main" id="{58F00E76-849C-4B4B-8645-FB093095D215}"/>
                    </a:ext>
                  </a:extLst>
                </p:cNvPr>
                <p:cNvCxnSpPr>
                  <a:cxnSpLocks/>
                </p:cNvCxnSpPr>
                <p:nvPr/>
              </p:nvCxnSpPr>
              <p:spPr>
                <a:xfrm flipH="1" flipV="1">
                  <a:off x="6925017" y="-1277693"/>
                  <a:ext cx="475438" cy="512779"/>
                </a:xfrm>
                <a:prstGeom prst="line">
                  <a:avLst/>
                </a:prstGeom>
                <a:ln w="28575">
                  <a:solidFill>
                    <a:schemeClr val="bg2"/>
                  </a:solidFill>
                </a:ln>
              </p:spPr>
              <p:style>
                <a:lnRef idx="1">
                  <a:schemeClr val="accent1"/>
                </a:lnRef>
                <a:fillRef idx="0">
                  <a:schemeClr val="accent1"/>
                </a:fillRef>
                <a:effectRef idx="0">
                  <a:schemeClr val="accent1"/>
                </a:effectRef>
                <a:fontRef idx="minor">
                  <a:schemeClr val="tx1"/>
                </a:fontRef>
              </p:style>
            </p:cxnSp>
          </p:grpSp>
          <p:cxnSp>
            <p:nvCxnSpPr>
              <p:cNvPr id="119" name="Straight Connector 118">
                <a:extLst>
                  <a:ext uri="{FF2B5EF4-FFF2-40B4-BE49-F238E27FC236}">
                    <a16:creationId xmlns:a16="http://schemas.microsoft.com/office/drawing/2014/main" id="{C41F0D03-CF4B-47DE-BE24-B356C24051CB}"/>
                  </a:ext>
                </a:extLst>
              </p:cNvPr>
              <p:cNvCxnSpPr>
                <a:cxnSpLocks/>
              </p:cNvCxnSpPr>
              <p:nvPr/>
            </p:nvCxnSpPr>
            <p:spPr>
              <a:xfrm>
                <a:off x="2753458" y="4703473"/>
                <a:ext cx="0" cy="183078"/>
              </a:xfrm>
              <a:prstGeom prst="line">
                <a:avLst/>
              </a:prstGeom>
              <a:ln w="190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81DE6744-E40E-47E5-87BC-F5C05DB34BAD}"/>
                  </a:ext>
                </a:extLst>
              </p:cNvPr>
              <p:cNvCxnSpPr>
                <a:cxnSpLocks/>
              </p:cNvCxnSpPr>
              <p:nvPr/>
            </p:nvCxnSpPr>
            <p:spPr>
              <a:xfrm>
                <a:off x="2945561" y="4703473"/>
                <a:ext cx="0" cy="183078"/>
              </a:xfrm>
              <a:prstGeom prst="line">
                <a:avLst/>
              </a:prstGeom>
              <a:ln w="19050">
                <a:solidFill>
                  <a:schemeClr val="bg2"/>
                </a:solidFill>
              </a:ln>
            </p:spPr>
            <p:style>
              <a:lnRef idx="1">
                <a:schemeClr val="accent1"/>
              </a:lnRef>
              <a:fillRef idx="0">
                <a:schemeClr val="accent1"/>
              </a:fillRef>
              <a:effectRef idx="0">
                <a:schemeClr val="accent1"/>
              </a:effectRef>
              <a:fontRef idx="minor">
                <a:schemeClr val="tx1"/>
              </a:fontRef>
            </p:style>
          </p:cxnSp>
          <p:sp>
            <p:nvSpPr>
              <p:cNvPr id="121" name="Rectangle 120">
                <a:extLst>
                  <a:ext uri="{FF2B5EF4-FFF2-40B4-BE49-F238E27FC236}">
                    <a16:creationId xmlns:a16="http://schemas.microsoft.com/office/drawing/2014/main" id="{E0C4E851-7238-411A-B9A0-F2524846B0E2}"/>
                  </a:ext>
                </a:extLst>
              </p:cNvPr>
              <p:cNvSpPr/>
              <p:nvPr/>
            </p:nvSpPr>
            <p:spPr>
              <a:xfrm>
                <a:off x="2815086" y="4743237"/>
                <a:ext cx="65451" cy="143314"/>
              </a:xfrm>
              <a:prstGeom prst="rect">
                <a:avLst/>
              </a:prstGeom>
              <a:no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80"/>
                  </a:spcBef>
                  <a:spcAft>
                    <a:spcPts val="800"/>
                  </a:spcAft>
                  <a:buClrTx/>
                  <a:buSzTx/>
                  <a:buFontTx/>
                  <a:buNone/>
                  <a:tabLst/>
                  <a:defRPr/>
                </a:pPr>
                <a:endParaRPr kumimoji="0" lang="da-DK" sz="40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endParaRPr>
              </a:p>
            </p:txBody>
          </p:sp>
          <p:cxnSp>
            <p:nvCxnSpPr>
              <p:cNvPr id="122" name="Straight Connector 121">
                <a:extLst>
                  <a:ext uri="{FF2B5EF4-FFF2-40B4-BE49-F238E27FC236}">
                    <a16:creationId xmlns:a16="http://schemas.microsoft.com/office/drawing/2014/main" id="{E32DC8A5-F657-427B-BB64-7203C6930250}"/>
                  </a:ext>
                </a:extLst>
              </p:cNvPr>
              <p:cNvCxnSpPr>
                <a:cxnSpLocks/>
              </p:cNvCxnSpPr>
              <p:nvPr/>
            </p:nvCxnSpPr>
            <p:spPr>
              <a:xfrm flipV="1">
                <a:off x="2848846" y="2383812"/>
                <a:ext cx="0" cy="2401304"/>
              </a:xfrm>
              <a:prstGeom prst="line">
                <a:avLst/>
              </a:prstGeom>
              <a:ln w="28575">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123" name="Straight Connector 122">
                <a:extLst>
                  <a:ext uri="{FF2B5EF4-FFF2-40B4-BE49-F238E27FC236}">
                    <a16:creationId xmlns:a16="http://schemas.microsoft.com/office/drawing/2014/main" id="{3EBCB7CB-160D-45A9-A289-ABC76B09DA6A}"/>
                  </a:ext>
                </a:extLst>
              </p:cNvPr>
              <p:cNvCxnSpPr/>
              <p:nvPr/>
            </p:nvCxnSpPr>
            <p:spPr>
              <a:xfrm>
                <a:off x="2829038" y="4288463"/>
                <a:ext cx="39617" cy="0"/>
              </a:xfrm>
              <a:prstGeom prst="line">
                <a:avLst/>
              </a:prstGeom>
              <a:ln w="28575">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124" name="Straight Connector 123">
                <a:extLst>
                  <a:ext uri="{FF2B5EF4-FFF2-40B4-BE49-F238E27FC236}">
                    <a16:creationId xmlns:a16="http://schemas.microsoft.com/office/drawing/2014/main" id="{0D7D4BDE-81D0-4644-AD10-16F32435D65A}"/>
                  </a:ext>
                </a:extLst>
              </p:cNvPr>
              <p:cNvCxnSpPr/>
              <p:nvPr/>
            </p:nvCxnSpPr>
            <p:spPr>
              <a:xfrm>
                <a:off x="2829038" y="4572168"/>
                <a:ext cx="39617" cy="0"/>
              </a:xfrm>
              <a:prstGeom prst="line">
                <a:avLst/>
              </a:prstGeom>
              <a:ln w="7620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125" name="Straight Connector 124">
                <a:extLst>
                  <a:ext uri="{FF2B5EF4-FFF2-40B4-BE49-F238E27FC236}">
                    <a16:creationId xmlns:a16="http://schemas.microsoft.com/office/drawing/2014/main" id="{A7F2E494-F9FC-46CC-AB03-BAC8705B51B2}"/>
                  </a:ext>
                </a:extLst>
              </p:cNvPr>
              <p:cNvCxnSpPr>
                <a:cxnSpLocks/>
              </p:cNvCxnSpPr>
              <p:nvPr/>
            </p:nvCxnSpPr>
            <p:spPr>
              <a:xfrm>
                <a:off x="2811979" y="4642774"/>
                <a:ext cx="73016" cy="0"/>
              </a:xfrm>
              <a:prstGeom prst="line">
                <a:avLst/>
              </a:prstGeom>
              <a:ln w="7620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126" name="Oval 125">
                <a:extLst>
                  <a:ext uri="{FF2B5EF4-FFF2-40B4-BE49-F238E27FC236}">
                    <a16:creationId xmlns:a16="http://schemas.microsoft.com/office/drawing/2014/main" id="{2BA56160-D685-4EAC-BF90-E3EC6DD50259}"/>
                  </a:ext>
                </a:extLst>
              </p:cNvPr>
              <p:cNvSpPr/>
              <p:nvPr/>
            </p:nvSpPr>
            <p:spPr>
              <a:xfrm>
                <a:off x="2840048" y="4369975"/>
                <a:ext cx="15988" cy="16293"/>
              </a:xfrm>
              <a:prstGeom prst="ellipse">
                <a:avLst/>
              </a:prstGeom>
              <a:solidFill>
                <a:schemeClr val="accent6">
                  <a:lumMod val="50000"/>
                </a:schemeClr>
              </a:solidFill>
              <a:ln>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80"/>
                  </a:spcBef>
                  <a:spcAft>
                    <a:spcPts val="800"/>
                  </a:spcAft>
                  <a:buClrTx/>
                  <a:buSzTx/>
                  <a:buFontTx/>
                  <a:buNone/>
                  <a:tabLst/>
                  <a:defRPr/>
                </a:pPr>
                <a:endParaRPr kumimoji="0" lang="da-DK" sz="40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endParaRPr>
              </a:p>
            </p:txBody>
          </p:sp>
          <p:cxnSp>
            <p:nvCxnSpPr>
              <p:cNvPr id="127" name="Straight Connector 126">
                <a:extLst>
                  <a:ext uri="{FF2B5EF4-FFF2-40B4-BE49-F238E27FC236}">
                    <a16:creationId xmlns:a16="http://schemas.microsoft.com/office/drawing/2014/main" id="{6D89E1CB-130D-4922-8526-C6D13334CB35}"/>
                  </a:ext>
                </a:extLst>
              </p:cNvPr>
              <p:cNvCxnSpPr>
                <a:cxnSpLocks/>
              </p:cNvCxnSpPr>
              <p:nvPr/>
            </p:nvCxnSpPr>
            <p:spPr>
              <a:xfrm flipV="1">
                <a:off x="2817365" y="4615109"/>
                <a:ext cx="0" cy="53293"/>
              </a:xfrm>
              <a:prstGeom prst="line">
                <a:avLst/>
              </a:prstGeom>
              <a:ln w="28575">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128" name="Straight Connector 127">
                <a:extLst>
                  <a:ext uri="{FF2B5EF4-FFF2-40B4-BE49-F238E27FC236}">
                    <a16:creationId xmlns:a16="http://schemas.microsoft.com/office/drawing/2014/main" id="{C8CDC383-37A1-48D5-A319-926E5EAECB7F}"/>
                  </a:ext>
                </a:extLst>
              </p:cNvPr>
              <p:cNvCxnSpPr>
                <a:cxnSpLocks/>
              </p:cNvCxnSpPr>
              <p:nvPr/>
            </p:nvCxnSpPr>
            <p:spPr>
              <a:xfrm flipV="1">
                <a:off x="2880537" y="4615109"/>
                <a:ext cx="0" cy="53293"/>
              </a:xfrm>
              <a:prstGeom prst="line">
                <a:avLst/>
              </a:prstGeom>
              <a:ln w="28575">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129" name="Straight Connector 128">
                <a:extLst>
                  <a:ext uri="{FF2B5EF4-FFF2-40B4-BE49-F238E27FC236}">
                    <a16:creationId xmlns:a16="http://schemas.microsoft.com/office/drawing/2014/main" id="{8E55CABB-C64D-42E1-900E-1D69D2205045}"/>
                  </a:ext>
                </a:extLst>
              </p:cNvPr>
              <p:cNvCxnSpPr>
                <a:cxnSpLocks/>
              </p:cNvCxnSpPr>
              <p:nvPr/>
            </p:nvCxnSpPr>
            <p:spPr>
              <a:xfrm flipV="1">
                <a:off x="2848846" y="4742105"/>
                <a:ext cx="0" cy="93285"/>
              </a:xfrm>
              <a:prstGeom prst="line">
                <a:avLst/>
              </a:prstGeom>
              <a:ln w="28575">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75" name="Group 4">
              <a:extLst>
                <a:ext uri="{FF2B5EF4-FFF2-40B4-BE49-F238E27FC236}">
                  <a16:creationId xmlns:a16="http://schemas.microsoft.com/office/drawing/2014/main" id="{B9AA0958-2A98-4F26-93BC-A311154CFF43}"/>
                </a:ext>
              </a:extLst>
            </p:cNvPr>
            <p:cNvGrpSpPr>
              <a:grpSpLocks noChangeAspect="1"/>
            </p:cNvGrpSpPr>
            <p:nvPr/>
          </p:nvGrpSpPr>
          <p:grpSpPr bwMode="auto">
            <a:xfrm>
              <a:off x="2629023" y="1857556"/>
              <a:ext cx="1768138" cy="1718140"/>
              <a:chOff x="1713" y="486"/>
              <a:chExt cx="2334" cy="2268"/>
            </a:xfrm>
            <a:solidFill>
              <a:schemeClr val="accent2"/>
            </a:solidFill>
          </p:grpSpPr>
          <p:sp>
            <p:nvSpPr>
              <p:cNvPr id="115" name="Freeform 5">
                <a:extLst>
                  <a:ext uri="{FF2B5EF4-FFF2-40B4-BE49-F238E27FC236}">
                    <a16:creationId xmlns:a16="http://schemas.microsoft.com/office/drawing/2014/main" id="{34FAEE84-E5D1-4285-8BD0-CBFECE076797}"/>
                  </a:ext>
                </a:extLst>
              </p:cNvPr>
              <p:cNvSpPr>
                <a:spLocks noEditPoints="1"/>
              </p:cNvSpPr>
              <p:nvPr/>
            </p:nvSpPr>
            <p:spPr bwMode="auto">
              <a:xfrm>
                <a:off x="2192" y="1703"/>
                <a:ext cx="1339" cy="1051"/>
              </a:xfrm>
              <a:custGeom>
                <a:avLst/>
                <a:gdLst>
                  <a:gd name="T0" fmla="*/ 224 w 1339"/>
                  <a:gd name="T1" fmla="*/ 278 h 1051"/>
                  <a:gd name="T2" fmla="*/ 232 w 1339"/>
                  <a:gd name="T3" fmla="*/ 1051 h 1051"/>
                  <a:gd name="T4" fmla="*/ 410 w 1339"/>
                  <a:gd name="T5" fmla="*/ 981 h 1051"/>
                  <a:gd name="T6" fmla="*/ 425 w 1339"/>
                  <a:gd name="T7" fmla="*/ 626 h 1051"/>
                  <a:gd name="T8" fmla="*/ 1013 w 1339"/>
                  <a:gd name="T9" fmla="*/ 278 h 1051"/>
                  <a:gd name="T10" fmla="*/ 1013 w 1339"/>
                  <a:gd name="T11" fmla="*/ 1051 h 1051"/>
                  <a:gd name="T12" fmla="*/ 1190 w 1339"/>
                  <a:gd name="T13" fmla="*/ 981 h 1051"/>
                  <a:gd name="T14" fmla="*/ 1206 w 1339"/>
                  <a:gd name="T15" fmla="*/ 626 h 1051"/>
                  <a:gd name="T16" fmla="*/ 1268 w 1339"/>
                  <a:gd name="T17" fmla="*/ 62 h 1051"/>
                  <a:gd name="T18" fmla="*/ 410 w 1339"/>
                  <a:gd name="T19" fmla="*/ 209 h 1051"/>
                  <a:gd name="T20" fmla="*/ 240 w 1339"/>
                  <a:gd name="T21" fmla="*/ 209 h 1051"/>
                  <a:gd name="T22" fmla="*/ 240 w 1339"/>
                  <a:gd name="T23" fmla="*/ 373 h 1051"/>
                  <a:gd name="T24" fmla="*/ 315 w 1339"/>
                  <a:gd name="T25" fmla="*/ 498 h 1051"/>
                  <a:gd name="T26" fmla="*/ 408 w 1339"/>
                  <a:gd name="T27" fmla="*/ 628 h 1051"/>
                  <a:gd name="T28" fmla="*/ 240 w 1339"/>
                  <a:gd name="T29" fmla="*/ 634 h 1051"/>
                  <a:gd name="T30" fmla="*/ 240 w 1339"/>
                  <a:gd name="T31" fmla="*/ 622 h 1051"/>
                  <a:gd name="T32" fmla="*/ 240 w 1339"/>
                  <a:gd name="T33" fmla="*/ 810 h 1051"/>
                  <a:gd name="T34" fmla="*/ 242 w 1339"/>
                  <a:gd name="T35" fmla="*/ 898 h 1051"/>
                  <a:gd name="T36" fmla="*/ 410 w 1339"/>
                  <a:gd name="T37" fmla="*/ 898 h 1051"/>
                  <a:gd name="T38" fmla="*/ 410 w 1339"/>
                  <a:gd name="T39" fmla="*/ 891 h 1051"/>
                  <a:gd name="T40" fmla="*/ 410 w 1339"/>
                  <a:gd name="T41" fmla="*/ 883 h 1051"/>
                  <a:gd name="T42" fmla="*/ 327 w 1339"/>
                  <a:gd name="T43" fmla="*/ 842 h 1051"/>
                  <a:gd name="T44" fmla="*/ 327 w 1339"/>
                  <a:gd name="T45" fmla="*/ 755 h 1051"/>
                  <a:gd name="T46" fmla="*/ 410 w 1339"/>
                  <a:gd name="T47" fmla="*/ 707 h 1051"/>
                  <a:gd name="T48" fmla="*/ 334 w 1339"/>
                  <a:gd name="T49" fmla="*/ 585 h 1051"/>
                  <a:gd name="T50" fmla="*/ 327 w 1339"/>
                  <a:gd name="T51" fmla="*/ 502 h 1051"/>
                  <a:gd name="T52" fmla="*/ 410 w 1339"/>
                  <a:gd name="T53" fmla="*/ 462 h 1051"/>
                  <a:gd name="T54" fmla="*/ 410 w 1339"/>
                  <a:gd name="T55" fmla="*/ 454 h 1051"/>
                  <a:gd name="T56" fmla="*/ 410 w 1339"/>
                  <a:gd name="T57" fmla="*/ 446 h 1051"/>
                  <a:gd name="T58" fmla="*/ 327 w 1339"/>
                  <a:gd name="T59" fmla="*/ 406 h 1051"/>
                  <a:gd name="T60" fmla="*/ 1028 w 1339"/>
                  <a:gd name="T61" fmla="*/ 209 h 1051"/>
                  <a:gd name="T62" fmla="*/ 1028 w 1339"/>
                  <a:gd name="T63" fmla="*/ 278 h 1051"/>
                  <a:gd name="T64" fmla="*/ 1103 w 1339"/>
                  <a:gd name="T65" fmla="*/ 321 h 1051"/>
                  <a:gd name="T66" fmla="*/ 1028 w 1339"/>
                  <a:gd name="T67" fmla="*/ 462 h 1051"/>
                  <a:gd name="T68" fmla="*/ 1109 w 1339"/>
                  <a:gd name="T69" fmla="*/ 589 h 1051"/>
                  <a:gd name="T70" fmla="*/ 1028 w 1339"/>
                  <a:gd name="T71" fmla="*/ 707 h 1051"/>
                  <a:gd name="T72" fmla="*/ 1103 w 1339"/>
                  <a:gd name="T73" fmla="*/ 585 h 1051"/>
                  <a:gd name="T74" fmla="*/ 1028 w 1339"/>
                  <a:gd name="T75" fmla="*/ 723 h 1051"/>
                  <a:gd name="T76" fmla="*/ 1024 w 1339"/>
                  <a:gd name="T77" fmla="*/ 970 h 1051"/>
                  <a:gd name="T78" fmla="*/ 1115 w 1339"/>
                  <a:gd name="T79" fmla="*/ 935 h 1051"/>
                  <a:gd name="T80" fmla="*/ 1109 w 1339"/>
                  <a:gd name="T81" fmla="*/ 850 h 1051"/>
                  <a:gd name="T82" fmla="*/ 1190 w 1339"/>
                  <a:gd name="T83" fmla="*/ 810 h 1051"/>
                  <a:gd name="T84" fmla="*/ 1192 w 1339"/>
                  <a:gd name="T85" fmla="*/ 802 h 1051"/>
                  <a:gd name="T86" fmla="*/ 1190 w 1339"/>
                  <a:gd name="T87" fmla="*/ 796 h 1051"/>
                  <a:gd name="T88" fmla="*/ 1109 w 1339"/>
                  <a:gd name="T89" fmla="*/ 755 h 1051"/>
                  <a:gd name="T90" fmla="*/ 1190 w 1339"/>
                  <a:gd name="T91" fmla="*/ 622 h 1051"/>
                  <a:gd name="T92" fmla="*/ 1024 w 1339"/>
                  <a:gd name="T93" fmla="*/ 541 h 1051"/>
                  <a:gd name="T94" fmla="*/ 1115 w 1339"/>
                  <a:gd name="T95" fmla="*/ 498 h 1051"/>
                  <a:gd name="T96" fmla="*/ 1109 w 1339"/>
                  <a:gd name="T97" fmla="*/ 413 h 1051"/>
                  <a:gd name="T98" fmla="*/ 1190 w 1339"/>
                  <a:gd name="T99" fmla="*/ 373 h 1051"/>
                  <a:gd name="T100" fmla="*/ 1192 w 1339"/>
                  <a:gd name="T101" fmla="*/ 365 h 1051"/>
                  <a:gd name="T102" fmla="*/ 1117 w 1339"/>
                  <a:gd name="T103" fmla="*/ 321 h 10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39" h="1051">
                    <a:moveTo>
                      <a:pt x="1268" y="0"/>
                    </a:moveTo>
                    <a:lnTo>
                      <a:pt x="0" y="0"/>
                    </a:lnTo>
                    <a:lnTo>
                      <a:pt x="0" y="209"/>
                    </a:lnTo>
                    <a:lnTo>
                      <a:pt x="224" y="209"/>
                    </a:lnTo>
                    <a:lnTo>
                      <a:pt x="224" y="278"/>
                    </a:lnTo>
                    <a:lnTo>
                      <a:pt x="224" y="278"/>
                    </a:lnTo>
                    <a:lnTo>
                      <a:pt x="224" y="634"/>
                    </a:lnTo>
                    <a:lnTo>
                      <a:pt x="226" y="634"/>
                    </a:lnTo>
                    <a:lnTo>
                      <a:pt x="232" y="980"/>
                    </a:lnTo>
                    <a:lnTo>
                      <a:pt x="232" y="1051"/>
                    </a:lnTo>
                    <a:lnTo>
                      <a:pt x="240" y="1051"/>
                    </a:lnTo>
                    <a:lnTo>
                      <a:pt x="240" y="978"/>
                    </a:lnTo>
                    <a:lnTo>
                      <a:pt x="325" y="939"/>
                    </a:lnTo>
                    <a:lnTo>
                      <a:pt x="410" y="981"/>
                    </a:lnTo>
                    <a:lnTo>
                      <a:pt x="410" y="981"/>
                    </a:lnTo>
                    <a:lnTo>
                      <a:pt x="410" y="1051"/>
                    </a:lnTo>
                    <a:lnTo>
                      <a:pt x="425" y="1051"/>
                    </a:lnTo>
                    <a:lnTo>
                      <a:pt x="425" y="981"/>
                    </a:lnTo>
                    <a:lnTo>
                      <a:pt x="425" y="981"/>
                    </a:lnTo>
                    <a:lnTo>
                      <a:pt x="425" y="626"/>
                    </a:lnTo>
                    <a:lnTo>
                      <a:pt x="427" y="626"/>
                    </a:lnTo>
                    <a:lnTo>
                      <a:pt x="425" y="278"/>
                    </a:lnTo>
                    <a:lnTo>
                      <a:pt x="425" y="209"/>
                    </a:lnTo>
                    <a:lnTo>
                      <a:pt x="1013" y="209"/>
                    </a:lnTo>
                    <a:lnTo>
                      <a:pt x="1013" y="278"/>
                    </a:lnTo>
                    <a:lnTo>
                      <a:pt x="1013" y="278"/>
                    </a:lnTo>
                    <a:lnTo>
                      <a:pt x="1013" y="634"/>
                    </a:lnTo>
                    <a:lnTo>
                      <a:pt x="1009" y="634"/>
                    </a:lnTo>
                    <a:lnTo>
                      <a:pt x="1013" y="980"/>
                    </a:lnTo>
                    <a:lnTo>
                      <a:pt x="1013" y="1051"/>
                    </a:lnTo>
                    <a:lnTo>
                      <a:pt x="1028" y="1051"/>
                    </a:lnTo>
                    <a:lnTo>
                      <a:pt x="1028" y="978"/>
                    </a:lnTo>
                    <a:lnTo>
                      <a:pt x="1111" y="939"/>
                    </a:lnTo>
                    <a:lnTo>
                      <a:pt x="1192" y="981"/>
                    </a:lnTo>
                    <a:lnTo>
                      <a:pt x="1190" y="981"/>
                    </a:lnTo>
                    <a:lnTo>
                      <a:pt x="1190" y="1051"/>
                    </a:lnTo>
                    <a:lnTo>
                      <a:pt x="1206" y="1051"/>
                    </a:lnTo>
                    <a:lnTo>
                      <a:pt x="1206" y="981"/>
                    </a:lnTo>
                    <a:lnTo>
                      <a:pt x="1206" y="981"/>
                    </a:lnTo>
                    <a:lnTo>
                      <a:pt x="1206" y="626"/>
                    </a:lnTo>
                    <a:lnTo>
                      <a:pt x="1208" y="626"/>
                    </a:lnTo>
                    <a:lnTo>
                      <a:pt x="1206" y="278"/>
                    </a:lnTo>
                    <a:lnTo>
                      <a:pt x="1206" y="209"/>
                    </a:lnTo>
                    <a:lnTo>
                      <a:pt x="1268" y="209"/>
                    </a:lnTo>
                    <a:lnTo>
                      <a:pt x="1268" y="62"/>
                    </a:lnTo>
                    <a:lnTo>
                      <a:pt x="1339" y="0"/>
                    </a:lnTo>
                    <a:lnTo>
                      <a:pt x="1268" y="0"/>
                    </a:lnTo>
                    <a:lnTo>
                      <a:pt x="1268" y="0"/>
                    </a:lnTo>
                    <a:close/>
                    <a:moveTo>
                      <a:pt x="240" y="209"/>
                    </a:moveTo>
                    <a:lnTo>
                      <a:pt x="410" y="209"/>
                    </a:lnTo>
                    <a:lnTo>
                      <a:pt x="410" y="278"/>
                    </a:lnTo>
                    <a:lnTo>
                      <a:pt x="327" y="319"/>
                    </a:lnTo>
                    <a:lnTo>
                      <a:pt x="242" y="278"/>
                    </a:lnTo>
                    <a:lnTo>
                      <a:pt x="240" y="278"/>
                    </a:lnTo>
                    <a:lnTo>
                      <a:pt x="240" y="209"/>
                    </a:lnTo>
                    <a:close/>
                    <a:moveTo>
                      <a:pt x="315" y="321"/>
                    </a:moveTo>
                    <a:lnTo>
                      <a:pt x="240" y="357"/>
                    </a:lnTo>
                    <a:lnTo>
                      <a:pt x="240" y="286"/>
                    </a:lnTo>
                    <a:lnTo>
                      <a:pt x="315" y="321"/>
                    </a:lnTo>
                    <a:close/>
                    <a:moveTo>
                      <a:pt x="240" y="373"/>
                    </a:moveTo>
                    <a:lnTo>
                      <a:pt x="315" y="410"/>
                    </a:lnTo>
                    <a:lnTo>
                      <a:pt x="240" y="446"/>
                    </a:lnTo>
                    <a:lnTo>
                      <a:pt x="240" y="373"/>
                    </a:lnTo>
                    <a:close/>
                    <a:moveTo>
                      <a:pt x="240" y="462"/>
                    </a:moveTo>
                    <a:lnTo>
                      <a:pt x="315" y="498"/>
                    </a:lnTo>
                    <a:lnTo>
                      <a:pt x="240" y="535"/>
                    </a:lnTo>
                    <a:lnTo>
                      <a:pt x="240" y="462"/>
                    </a:lnTo>
                    <a:close/>
                    <a:moveTo>
                      <a:pt x="246" y="628"/>
                    </a:moveTo>
                    <a:lnTo>
                      <a:pt x="327" y="589"/>
                    </a:lnTo>
                    <a:lnTo>
                      <a:pt x="408" y="628"/>
                    </a:lnTo>
                    <a:lnTo>
                      <a:pt x="327" y="667"/>
                    </a:lnTo>
                    <a:lnTo>
                      <a:pt x="246" y="628"/>
                    </a:lnTo>
                    <a:close/>
                    <a:moveTo>
                      <a:pt x="315" y="670"/>
                    </a:moveTo>
                    <a:lnTo>
                      <a:pt x="240" y="707"/>
                    </a:lnTo>
                    <a:lnTo>
                      <a:pt x="240" y="634"/>
                    </a:lnTo>
                    <a:lnTo>
                      <a:pt x="315" y="670"/>
                    </a:lnTo>
                    <a:close/>
                    <a:moveTo>
                      <a:pt x="240" y="622"/>
                    </a:moveTo>
                    <a:lnTo>
                      <a:pt x="240" y="549"/>
                    </a:lnTo>
                    <a:lnTo>
                      <a:pt x="315" y="585"/>
                    </a:lnTo>
                    <a:lnTo>
                      <a:pt x="240" y="622"/>
                    </a:lnTo>
                    <a:close/>
                    <a:moveTo>
                      <a:pt x="240" y="723"/>
                    </a:moveTo>
                    <a:lnTo>
                      <a:pt x="315" y="759"/>
                    </a:lnTo>
                    <a:lnTo>
                      <a:pt x="240" y="796"/>
                    </a:lnTo>
                    <a:lnTo>
                      <a:pt x="240" y="723"/>
                    </a:lnTo>
                    <a:close/>
                    <a:moveTo>
                      <a:pt x="240" y="810"/>
                    </a:moveTo>
                    <a:lnTo>
                      <a:pt x="315" y="846"/>
                    </a:lnTo>
                    <a:lnTo>
                      <a:pt x="240" y="883"/>
                    </a:lnTo>
                    <a:lnTo>
                      <a:pt x="240" y="810"/>
                    </a:lnTo>
                    <a:close/>
                    <a:moveTo>
                      <a:pt x="242" y="970"/>
                    </a:moveTo>
                    <a:lnTo>
                      <a:pt x="242" y="898"/>
                    </a:lnTo>
                    <a:lnTo>
                      <a:pt x="319" y="935"/>
                    </a:lnTo>
                    <a:lnTo>
                      <a:pt x="242" y="970"/>
                    </a:lnTo>
                    <a:close/>
                    <a:moveTo>
                      <a:pt x="410" y="972"/>
                    </a:moveTo>
                    <a:lnTo>
                      <a:pt x="334" y="935"/>
                    </a:lnTo>
                    <a:lnTo>
                      <a:pt x="410" y="898"/>
                    </a:lnTo>
                    <a:lnTo>
                      <a:pt x="410" y="972"/>
                    </a:lnTo>
                    <a:close/>
                    <a:moveTo>
                      <a:pt x="327" y="931"/>
                    </a:moveTo>
                    <a:lnTo>
                      <a:pt x="242" y="891"/>
                    </a:lnTo>
                    <a:lnTo>
                      <a:pt x="327" y="850"/>
                    </a:lnTo>
                    <a:lnTo>
                      <a:pt x="410" y="891"/>
                    </a:lnTo>
                    <a:lnTo>
                      <a:pt x="327" y="931"/>
                    </a:lnTo>
                    <a:close/>
                    <a:moveTo>
                      <a:pt x="410" y="883"/>
                    </a:moveTo>
                    <a:lnTo>
                      <a:pt x="334" y="846"/>
                    </a:lnTo>
                    <a:lnTo>
                      <a:pt x="410" y="810"/>
                    </a:lnTo>
                    <a:lnTo>
                      <a:pt x="410" y="883"/>
                    </a:lnTo>
                    <a:close/>
                    <a:moveTo>
                      <a:pt x="327" y="842"/>
                    </a:moveTo>
                    <a:lnTo>
                      <a:pt x="242" y="802"/>
                    </a:lnTo>
                    <a:lnTo>
                      <a:pt x="327" y="763"/>
                    </a:lnTo>
                    <a:lnTo>
                      <a:pt x="410" y="802"/>
                    </a:lnTo>
                    <a:lnTo>
                      <a:pt x="327" y="842"/>
                    </a:lnTo>
                    <a:close/>
                    <a:moveTo>
                      <a:pt x="410" y="796"/>
                    </a:moveTo>
                    <a:lnTo>
                      <a:pt x="334" y="759"/>
                    </a:lnTo>
                    <a:lnTo>
                      <a:pt x="410" y="723"/>
                    </a:lnTo>
                    <a:lnTo>
                      <a:pt x="410" y="796"/>
                    </a:lnTo>
                    <a:close/>
                    <a:moveTo>
                      <a:pt x="327" y="755"/>
                    </a:moveTo>
                    <a:lnTo>
                      <a:pt x="242" y="715"/>
                    </a:lnTo>
                    <a:lnTo>
                      <a:pt x="327" y="674"/>
                    </a:lnTo>
                    <a:lnTo>
                      <a:pt x="410" y="715"/>
                    </a:lnTo>
                    <a:lnTo>
                      <a:pt x="327" y="755"/>
                    </a:lnTo>
                    <a:close/>
                    <a:moveTo>
                      <a:pt x="410" y="707"/>
                    </a:moveTo>
                    <a:lnTo>
                      <a:pt x="334" y="670"/>
                    </a:lnTo>
                    <a:lnTo>
                      <a:pt x="410" y="634"/>
                    </a:lnTo>
                    <a:lnTo>
                      <a:pt x="410" y="707"/>
                    </a:lnTo>
                    <a:close/>
                    <a:moveTo>
                      <a:pt x="410" y="622"/>
                    </a:moveTo>
                    <a:lnTo>
                      <a:pt x="334" y="585"/>
                    </a:lnTo>
                    <a:lnTo>
                      <a:pt x="410" y="549"/>
                    </a:lnTo>
                    <a:lnTo>
                      <a:pt x="410" y="622"/>
                    </a:lnTo>
                    <a:close/>
                    <a:moveTo>
                      <a:pt x="327" y="582"/>
                    </a:moveTo>
                    <a:lnTo>
                      <a:pt x="242" y="541"/>
                    </a:lnTo>
                    <a:lnTo>
                      <a:pt x="327" y="502"/>
                    </a:lnTo>
                    <a:lnTo>
                      <a:pt x="410" y="541"/>
                    </a:lnTo>
                    <a:lnTo>
                      <a:pt x="327" y="582"/>
                    </a:lnTo>
                    <a:close/>
                    <a:moveTo>
                      <a:pt x="410" y="535"/>
                    </a:moveTo>
                    <a:lnTo>
                      <a:pt x="334" y="498"/>
                    </a:lnTo>
                    <a:lnTo>
                      <a:pt x="410" y="462"/>
                    </a:lnTo>
                    <a:lnTo>
                      <a:pt x="410" y="535"/>
                    </a:lnTo>
                    <a:close/>
                    <a:moveTo>
                      <a:pt x="327" y="495"/>
                    </a:moveTo>
                    <a:lnTo>
                      <a:pt x="242" y="454"/>
                    </a:lnTo>
                    <a:lnTo>
                      <a:pt x="327" y="413"/>
                    </a:lnTo>
                    <a:lnTo>
                      <a:pt x="410" y="454"/>
                    </a:lnTo>
                    <a:lnTo>
                      <a:pt x="327" y="495"/>
                    </a:lnTo>
                    <a:close/>
                    <a:moveTo>
                      <a:pt x="410" y="446"/>
                    </a:moveTo>
                    <a:lnTo>
                      <a:pt x="334" y="410"/>
                    </a:lnTo>
                    <a:lnTo>
                      <a:pt x="410" y="373"/>
                    </a:lnTo>
                    <a:lnTo>
                      <a:pt x="410" y="446"/>
                    </a:lnTo>
                    <a:close/>
                    <a:moveTo>
                      <a:pt x="327" y="406"/>
                    </a:moveTo>
                    <a:lnTo>
                      <a:pt x="242" y="365"/>
                    </a:lnTo>
                    <a:lnTo>
                      <a:pt x="327" y="325"/>
                    </a:lnTo>
                    <a:lnTo>
                      <a:pt x="410" y="365"/>
                    </a:lnTo>
                    <a:lnTo>
                      <a:pt x="327" y="406"/>
                    </a:lnTo>
                    <a:close/>
                    <a:moveTo>
                      <a:pt x="334" y="321"/>
                    </a:moveTo>
                    <a:lnTo>
                      <a:pt x="410" y="286"/>
                    </a:lnTo>
                    <a:lnTo>
                      <a:pt x="410" y="357"/>
                    </a:lnTo>
                    <a:lnTo>
                      <a:pt x="334" y="321"/>
                    </a:lnTo>
                    <a:close/>
                    <a:moveTo>
                      <a:pt x="1028" y="209"/>
                    </a:moveTo>
                    <a:lnTo>
                      <a:pt x="1190" y="209"/>
                    </a:lnTo>
                    <a:lnTo>
                      <a:pt x="1190" y="278"/>
                    </a:lnTo>
                    <a:lnTo>
                      <a:pt x="1107" y="319"/>
                    </a:lnTo>
                    <a:lnTo>
                      <a:pt x="1024" y="278"/>
                    </a:lnTo>
                    <a:lnTo>
                      <a:pt x="1028" y="278"/>
                    </a:lnTo>
                    <a:lnTo>
                      <a:pt x="1028" y="209"/>
                    </a:lnTo>
                    <a:close/>
                    <a:moveTo>
                      <a:pt x="1103" y="321"/>
                    </a:moveTo>
                    <a:lnTo>
                      <a:pt x="1028" y="357"/>
                    </a:lnTo>
                    <a:lnTo>
                      <a:pt x="1028" y="286"/>
                    </a:lnTo>
                    <a:lnTo>
                      <a:pt x="1103" y="321"/>
                    </a:lnTo>
                    <a:close/>
                    <a:moveTo>
                      <a:pt x="1028" y="373"/>
                    </a:moveTo>
                    <a:lnTo>
                      <a:pt x="1103" y="410"/>
                    </a:lnTo>
                    <a:lnTo>
                      <a:pt x="1028" y="446"/>
                    </a:lnTo>
                    <a:lnTo>
                      <a:pt x="1028" y="373"/>
                    </a:lnTo>
                    <a:close/>
                    <a:moveTo>
                      <a:pt x="1028" y="462"/>
                    </a:moveTo>
                    <a:lnTo>
                      <a:pt x="1103" y="498"/>
                    </a:lnTo>
                    <a:lnTo>
                      <a:pt x="1028" y="535"/>
                    </a:lnTo>
                    <a:lnTo>
                      <a:pt x="1028" y="462"/>
                    </a:lnTo>
                    <a:close/>
                    <a:moveTo>
                      <a:pt x="1028" y="628"/>
                    </a:moveTo>
                    <a:lnTo>
                      <a:pt x="1109" y="589"/>
                    </a:lnTo>
                    <a:lnTo>
                      <a:pt x="1188" y="628"/>
                    </a:lnTo>
                    <a:lnTo>
                      <a:pt x="1109" y="667"/>
                    </a:lnTo>
                    <a:lnTo>
                      <a:pt x="1028" y="628"/>
                    </a:lnTo>
                    <a:close/>
                    <a:moveTo>
                      <a:pt x="1103" y="670"/>
                    </a:moveTo>
                    <a:lnTo>
                      <a:pt x="1028" y="707"/>
                    </a:lnTo>
                    <a:lnTo>
                      <a:pt x="1028" y="634"/>
                    </a:lnTo>
                    <a:lnTo>
                      <a:pt x="1103" y="670"/>
                    </a:lnTo>
                    <a:close/>
                    <a:moveTo>
                      <a:pt x="1028" y="622"/>
                    </a:moveTo>
                    <a:lnTo>
                      <a:pt x="1028" y="549"/>
                    </a:lnTo>
                    <a:lnTo>
                      <a:pt x="1103" y="585"/>
                    </a:lnTo>
                    <a:lnTo>
                      <a:pt x="1028" y="622"/>
                    </a:lnTo>
                    <a:close/>
                    <a:moveTo>
                      <a:pt x="1028" y="723"/>
                    </a:moveTo>
                    <a:lnTo>
                      <a:pt x="1103" y="759"/>
                    </a:lnTo>
                    <a:lnTo>
                      <a:pt x="1028" y="796"/>
                    </a:lnTo>
                    <a:lnTo>
                      <a:pt x="1028" y="723"/>
                    </a:lnTo>
                    <a:close/>
                    <a:moveTo>
                      <a:pt x="1028" y="810"/>
                    </a:moveTo>
                    <a:lnTo>
                      <a:pt x="1103" y="846"/>
                    </a:lnTo>
                    <a:lnTo>
                      <a:pt x="1028" y="883"/>
                    </a:lnTo>
                    <a:lnTo>
                      <a:pt x="1028" y="810"/>
                    </a:lnTo>
                    <a:close/>
                    <a:moveTo>
                      <a:pt x="1024" y="970"/>
                    </a:moveTo>
                    <a:lnTo>
                      <a:pt x="1024" y="898"/>
                    </a:lnTo>
                    <a:lnTo>
                      <a:pt x="1101" y="935"/>
                    </a:lnTo>
                    <a:lnTo>
                      <a:pt x="1024" y="970"/>
                    </a:lnTo>
                    <a:close/>
                    <a:moveTo>
                      <a:pt x="1190" y="972"/>
                    </a:moveTo>
                    <a:lnTo>
                      <a:pt x="1115" y="935"/>
                    </a:lnTo>
                    <a:lnTo>
                      <a:pt x="1190" y="898"/>
                    </a:lnTo>
                    <a:lnTo>
                      <a:pt x="1190" y="972"/>
                    </a:lnTo>
                    <a:close/>
                    <a:moveTo>
                      <a:pt x="1109" y="931"/>
                    </a:moveTo>
                    <a:lnTo>
                      <a:pt x="1024" y="891"/>
                    </a:lnTo>
                    <a:lnTo>
                      <a:pt x="1109" y="850"/>
                    </a:lnTo>
                    <a:lnTo>
                      <a:pt x="1192" y="891"/>
                    </a:lnTo>
                    <a:lnTo>
                      <a:pt x="1109" y="931"/>
                    </a:lnTo>
                    <a:close/>
                    <a:moveTo>
                      <a:pt x="1190" y="883"/>
                    </a:moveTo>
                    <a:lnTo>
                      <a:pt x="1115" y="846"/>
                    </a:lnTo>
                    <a:lnTo>
                      <a:pt x="1190" y="810"/>
                    </a:lnTo>
                    <a:lnTo>
                      <a:pt x="1190" y="883"/>
                    </a:lnTo>
                    <a:close/>
                    <a:moveTo>
                      <a:pt x="1109" y="842"/>
                    </a:moveTo>
                    <a:lnTo>
                      <a:pt x="1024" y="802"/>
                    </a:lnTo>
                    <a:lnTo>
                      <a:pt x="1109" y="763"/>
                    </a:lnTo>
                    <a:lnTo>
                      <a:pt x="1192" y="802"/>
                    </a:lnTo>
                    <a:lnTo>
                      <a:pt x="1109" y="842"/>
                    </a:lnTo>
                    <a:close/>
                    <a:moveTo>
                      <a:pt x="1190" y="796"/>
                    </a:moveTo>
                    <a:lnTo>
                      <a:pt x="1115" y="759"/>
                    </a:lnTo>
                    <a:lnTo>
                      <a:pt x="1190" y="723"/>
                    </a:lnTo>
                    <a:lnTo>
                      <a:pt x="1190" y="796"/>
                    </a:lnTo>
                    <a:close/>
                    <a:moveTo>
                      <a:pt x="1109" y="755"/>
                    </a:moveTo>
                    <a:lnTo>
                      <a:pt x="1024" y="715"/>
                    </a:lnTo>
                    <a:lnTo>
                      <a:pt x="1109" y="674"/>
                    </a:lnTo>
                    <a:lnTo>
                      <a:pt x="1192" y="715"/>
                    </a:lnTo>
                    <a:lnTo>
                      <a:pt x="1109" y="755"/>
                    </a:lnTo>
                    <a:close/>
                    <a:moveTo>
                      <a:pt x="1190" y="707"/>
                    </a:moveTo>
                    <a:lnTo>
                      <a:pt x="1115" y="670"/>
                    </a:lnTo>
                    <a:lnTo>
                      <a:pt x="1190" y="634"/>
                    </a:lnTo>
                    <a:lnTo>
                      <a:pt x="1190" y="707"/>
                    </a:lnTo>
                    <a:close/>
                    <a:moveTo>
                      <a:pt x="1190" y="622"/>
                    </a:moveTo>
                    <a:lnTo>
                      <a:pt x="1115" y="585"/>
                    </a:lnTo>
                    <a:lnTo>
                      <a:pt x="1190" y="549"/>
                    </a:lnTo>
                    <a:lnTo>
                      <a:pt x="1190" y="622"/>
                    </a:lnTo>
                    <a:close/>
                    <a:moveTo>
                      <a:pt x="1109" y="582"/>
                    </a:moveTo>
                    <a:lnTo>
                      <a:pt x="1024" y="541"/>
                    </a:lnTo>
                    <a:lnTo>
                      <a:pt x="1109" y="502"/>
                    </a:lnTo>
                    <a:lnTo>
                      <a:pt x="1192" y="541"/>
                    </a:lnTo>
                    <a:lnTo>
                      <a:pt x="1109" y="582"/>
                    </a:lnTo>
                    <a:close/>
                    <a:moveTo>
                      <a:pt x="1190" y="535"/>
                    </a:moveTo>
                    <a:lnTo>
                      <a:pt x="1115" y="498"/>
                    </a:lnTo>
                    <a:lnTo>
                      <a:pt x="1190" y="462"/>
                    </a:lnTo>
                    <a:lnTo>
                      <a:pt x="1190" y="535"/>
                    </a:lnTo>
                    <a:close/>
                    <a:moveTo>
                      <a:pt x="1109" y="495"/>
                    </a:moveTo>
                    <a:lnTo>
                      <a:pt x="1024" y="454"/>
                    </a:lnTo>
                    <a:lnTo>
                      <a:pt x="1109" y="413"/>
                    </a:lnTo>
                    <a:lnTo>
                      <a:pt x="1192" y="454"/>
                    </a:lnTo>
                    <a:lnTo>
                      <a:pt x="1109" y="495"/>
                    </a:lnTo>
                    <a:close/>
                    <a:moveTo>
                      <a:pt x="1190" y="446"/>
                    </a:moveTo>
                    <a:lnTo>
                      <a:pt x="1115" y="410"/>
                    </a:lnTo>
                    <a:lnTo>
                      <a:pt x="1190" y="373"/>
                    </a:lnTo>
                    <a:lnTo>
                      <a:pt x="1190" y="446"/>
                    </a:lnTo>
                    <a:close/>
                    <a:moveTo>
                      <a:pt x="1109" y="406"/>
                    </a:moveTo>
                    <a:lnTo>
                      <a:pt x="1024" y="365"/>
                    </a:lnTo>
                    <a:lnTo>
                      <a:pt x="1109" y="325"/>
                    </a:lnTo>
                    <a:lnTo>
                      <a:pt x="1192" y="365"/>
                    </a:lnTo>
                    <a:lnTo>
                      <a:pt x="1109" y="406"/>
                    </a:lnTo>
                    <a:close/>
                    <a:moveTo>
                      <a:pt x="1117" y="321"/>
                    </a:moveTo>
                    <a:lnTo>
                      <a:pt x="1192" y="286"/>
                    </a:lnTo>
                    <a:lnTo>
                      <a:pt x="1192" y="357"/>
                    </a:lnTo>
                    <a:lnTo>
                      <a:pt x="1117" y="321"/>
                    </a:lnTo>
                    <a:close/>
                  </a:path>
                </a:pathLst>
              </a:custGeom>
              <a:solidFill>
                <a:schemeClr val="bg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6005" tIns="18002" rIns="36005" bIns="18002"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endParaRPr>
              </a:p>
            </p:txBody>
          </p:sp>
          <p:sp>
            <p:nvSpPr>
              <p:cNvPr id="116" name="Freeform 6">
                <a:extLst>
                  <a:ext uri="{FF2B5EF4-FFF2-40B4-BE49-F238E27FC236}">
                    <a16:creationId xmlns:a16="http://schemas.microsoft.com/office/drawing/2014/main" id="{51A6A106-CC20-4369-9553-804B8CC516FC}"/>
                  </a:ext>
                </a:extLst>
              </p:cNvPr>
              <p:cNvSpPr>
                <a:spLocks noEditPoints="1"/>
              </p:cNvSpPr>
              <p:nvPr/>
            </p:nvSpPr>
            <p:spPr bwMode="auto">
              <a:xfrm>
                <a:off x="1713" y="486"/>
                <a:ext cx="1121" cy="1194"/>
              </a:xfrm>
              <a:custGeom>
                <a:avLst/>
                <a:gdLst>
                  <a:gd name="T0" fmla="*/ 1084 w 1121"/>
                  <a:gd name="T1" fmla="*/ 102 h 1194"/>
                  <a:gd name="T2" fmla="*/ 912 w 1121"/>
                  <a:gd name="T3" fmla="*/ 1039 h 1194"/>
                  <a:gd name="T4" fmla="*/ 696 w 1121"/>
                  <a:gd name="T5" fmla="*/ 877 h 1194"/>
                  <a:gd name="T6" fmla="*/ 703 w 1121"/>
                  <a:gd name="T7" fmla="*/ 902 h 1194"/>
                  <a:gd name="T8" fmla="*/ 697 w 1121"/>
                  <a:gd name="T9" fmla="*/ 836 h 1194"/>
                  <a:gd name="T10" fmla="*/ 471 w 1121"/>
                  <a:gd name="T11" fmla="*/ 893 h 1194"/>
                  <a:gd name="T12" fmla="*/ 263 w 1121"/>
                  <a:gd name="T13" fmla="*/ 545 h 1194"/>
                  <a:gd name="T14" fmla="*/ 162 w 1121"/>
                  <a:gd name="T15" fmla="*/ 112 h 1194"/>
                  <a:gd name="T16" fmla="*/ 162 w 1121"/>
                  <a:gd name="T17" fmla="*/ 43 h 1194"/>
                  <a:gd name="T18" fmla="*/ 8 w 1121"/>
                  <a:gd name="T19" fmla="*/ 908 h 1194"/>
                  <a:gd name="T20" fmla="*/ 968 w 1121"/>
                  <a:gd name="T21" fmla="*/ 856 h 1194"/>
                  <a:gd name="T22" fmla="*/ 976 w 1121"/>
                  <a:gd name="T23" fmla="*/ 800 h 1194"/>
                  <a:gd name="T24" fmla="*/ 980 w 1121"/>
                  <a:gd name="T25" fmla="*/ 815 h 1194"/>
                  <a:gd name="T26" fmla="*/ 1007 w 1121"/>
                  <a:gd name="T27" fmla="*/ 844 h 1194"/>
                  <a:gd name="T28" fmla="*/ 1045 w 1121"/>
                  <a:gd name="T29" fmla="*/ 728 h 1194"/>
                  <a:gd name="T30" fmla="*/ 1067 w 1121"/>
                  <a:gd name="T31" fmla="*/ 539 h 1194"/>
                  <a:gd name="T32" fmla="*/ 1096 w 1121"/>
                  <a:gd name="T33" fmla="*/ 290 h 1194"/>
                  <a:gd name="T34" fmla="*/ 1115 w 1121"/>
                  <a:gd name="T35" fmla="*/ 131 h 1194"/>
                  <a:gd name="T36" fmla="*/ 1096 w 1121"/>
                  <a:gd name="T37" fmla="*/ 153 h 1194"/>
                  <a:gd name="T38" fmla="*/ 1097 w 1121"/>
                  <a:gd name="T39" fmla="*/ 282 h 1194"/>
                  <a:gd name="T40" fmla="*/ 1061 w 1121"/>
                  <a:gd name="T41" fmla="*/ 408 h 1194"/>
                  <a:gd name="T42" fmla="*/ 1032 w 1121"/>
                  <a:gd name="T43" fmla="*/ 452 h 1194"/>
                  <a:gd name="T44" fmla="*/ 1047 w 1121"/>
                  <a:gd name="T45" fmla="*/ 502 h 1194"/>
                  <a:gd name="T46" fmla="*/ 1003 w 1121"/>
                  <a:gd name="T47" fmla="*/ 634 h 1194"/>
                  <a:gd name="T48" fmla="*/ 1010 w 1121"/>
                  <a:gd name="T49" fmla="*/ 761 h 1194"/>
                  <a:gd name="T50" fmla="*/ 976 w 1121"/>
                  <a:gd name="T51" fmla="*/ 775 h 1194"/>
                  <a:gd name="T52" fmla="*/ 935 w 1121"/>
                  <a:gd name="T53" fmla="*/ 543 h 1194"/>
                  <a:gd name="T54" fmla="*/ 895 w 1121"/>
                  <a:gd name="T55" fmla="*/ 355 h 1194"/>
                  <a:gd name="T56" fmla="*/ 837 w 1121"/>
                  <a:gd name="T57" fmla="*/ 149 h 1194"/>
                  <a:gd name="T58" fmla="*/ 825 w 1121"/>
                  <a:gd name="T59" fmla="*/ 189 h 1194"/>
                  <a:gd name="T60" fmla="*/ 827 w 1121"/>
                  <a:gd name="T61" fmla="*/ 205 h 1194"/>
                  <a:gd name="T62" fmla="*/ 869 w 1121"/>
                  <a:gd name="T63" fmla="*/ 326 h 1194"/>
                  <a:gd name="T64" fmla="*/ 916 w 1121"/>
                  <a:gd name="T65" fmla="*/ 448 h 1194"/>
                  <a:gd name="T66" fmla="*/ 918 w 1121"/>
                  <a:gd name="T67" fmla="*/ 580 h 1194"/>
                  <a:gd name="T68" fmla="*/ 900 w 1121"/>
                  <a:gd name="T69" fmla="*/ 632 h 1194"/>
                  <a:gd name="T70" fmla="*/ 935 w 1121"/>
                  <a:gd name="T71" fmla="*/ 672 h 1194"/>
                  <a:gd name="T72" fmla="*/ 931 w 1121"/>
                  <a:gd name="T73" fmla="*/ 811 h 1194"/>
                  <a:gd name="T74" fmla="*/ 216 w 1121"/>
                  <a:gd name="T75" fmla="*/ 350 h 1194"/>
                  <a:gd name="T76" fmla="*/ 147 w 1121"/>
                  <a:gd name="T77" fmla="*/ 37 h 1194"/>
                  <a:gd name="T78" fmla="*/ 147 w 1121"/>
                  <a:gd name="T79" fmla="*/ 99 h 1194"/>
                  <a:gd name="T80" fmla="*/ 147 w 1121"/>
                  <a:gd name="T81" fmla="*/ 120 h 1194"/>
                  <a:gd name="T82" fmla="*/ 23 w 1121"/>
                  <a:gd name="T83" fmla="*/ 133 h 1194"/>
                  <a:gd name="T84" fmla="*/ 23 w 1121"/>
                  <a:gd name="T85" fmla="*/ 247 h 1194"/>
                  <a:gd name="T86" fmla="*/ 141 w 1121"/>
                  <a:gd name="T87" fmla="*/ 460 h 1194"/>
                  <a:gd name="T88" fmla="*/ 23 w 1121"/>
                  <a:gd name="T89" fmla="*/ 551 h 1194"/>
                  <a:gd name="T90" fmla="*/ 158 w 1121"/>
                  <a:gd name="T91" fmla="*/ 680 h 1194"/>
                  <a:gd name="T92" fmla="*/ 112 w 1121"/>
                  <a:gd name="T93" fmla="*/ 692 h 1194"/>
                  <a:gd name="T94" fmla="*/ 23 w 1121"/>
                  <a:gd name="T95" fmla="*/ 688 h 1194"/>
                  <a:gd name="T96" fmla="*/ 23 w 1121"/>
                  <a:gd name="T97" fmla="*/ 734 h 1194"/>
                  <a:gd name="T98" fmla="*/ 23 w 1121"/>
                  <a:gd name="T99" fmla="*/ 831 h 1194"/>
                  <a:gd name="T100" fmla="*/ 191 w 1121"/>
                  <a:gd name="T101" fmla="*/ 891 h 1194"/>
                  <a:gd name="T102" fmla="*/ 164 w 1121"/>
                  <a:gd name="T103" fmla="*/ 697 h 1194"/>
                  <a:gd name="T104" fmla="*/ 234 w 1121"/>
                  <a:gd name="T105" fmla="*/ 825 h 1194"/>
                  <a:gd name="T106" fmla="*/ 185 w 1121"/>
                  <a:gd name="T107" fmla="*/ 730 h 1194"/>
                  <a:gd name="T108" fmla="*/ 168 w 1121"/>
                  <a:gd name="T109" fmla="*/ 692 h 1194"/>
                  <a:gd name="T110" fmla="*/ 247 w 1121"/>
                  <a:gd name="T111" fmla="*/ 558 h 1194"/>
                  <a:gd name="T112" fmla="*/ 147 w 1121"/>
                  <a:gd name="T113" fmla="*/ 460 h 1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121" h="1194">
                    <a:moveTo>
                      <a:pt x="920" y="1101"/>
                    </a:moveTo>
                    <a:lnTo>
                      <a:pt x="1051" y="1101"/>
                    </a:lnTo>
                    <a:lnTo>
                      <a:pt x="1051" y="854"/>
                    </a:lnTo>
                    <a:lnTo>
                      <a:pt x="1038" y="854"/>
                    </a:lnTo>
                    <a:lnTo>
                      <a:pt x="1121" y="106"/>
                    </a:lnTo>
                    <a:lnTo>
                      <a:pt x="1117" y="106"/>
                    </a:lnTo>
                    <a:lnTo>
                      <a:pt x="1117" y="108"/>
                    </a:lnTo>
                    <a:lnTo>
                      <a:pt x="1088" y="104"/>
                    </a:lnTo>
                    <a:lnTo>
                      <a:pt x="1088" y="104"/>
                    </a:lnTo>
                    <a:lnTo>
                      <a:pt x="1084" y="102"/>
                    </a:lnTo>
                    <a:lnTo>
                      <a:pt x="982" y="732"/>
                    </a:lnTo>
                    <a:lnTo>
                      <a:pt x="844" y="102"/>
                    </a:lnTo>
                    <a:lnTo>
                      <a:pt x="840" y="104"/>
                    </a:lnTo>
                    <a:lnTo>
                      <a:pt x="840" y="104"/>
                    </a:lnTo>
                    <a:lnTo>
                      <a:pt x="811" y="110"/>
                    </a:lnTo>
                    <a:lnTo>
                      <a:pt x="811" y="110"/>
                    </a:lnTo>
                    <a:lnTo>
                      <a:pt x="810" y="108"/>
                    </a:lnTo>
                    <a:lnTo>
                      <a:pt x="933" y="854"/>
                    </a:lnTo>
                    <a:lnTo>
                      <a:pt x="912" y="854"/>
                    </a:lnTo>
                    <a:lnTo>
                      <a:pt x="912" y="1039"/>
                    </a:lnTo>
                    <a:lnTo>
                      <a:pt x="510" y="1039"/>
                    </a:lnTo>
                    <a:lnTo>
                      <a:pt x="510" y="923"/>
                    </a:lnTo>
                    <a:lnTo>
                      <a:pt x="533" y="923"/>
                    </a:lnTo>
                    <a:lnTo>
                      <a:pt x="533" y="893"/>
                    </a:lnTo>
                    <a:lnTo>
                      <a:pt x="527" y="893"/>
                    </a:lnTo>
                    <a:lnTo>
                      <a:pt x="524" y="786"/>
                    </a:lnTo>
                    <a:lnTo>
                      <a:pt x="547" y="707"/>
                    </a:lnTo>
                    <a:lnTo>
                      <a:pt x="607" y="639"/>
                    </a:lnTo>
                    <a:lnTo>
                      <a:pt x="696" y="846"/>
                    </a:lnTo>
                    <a:lnTo>
                      <a:pt x="696" y="877"/>
                    </a:lnTo>
                    <a:lnTo>
                      <a:pt x="659" y="877"/>
                    </a:lnTo>
                    <a:lnTo>
                      <a:pt x="674" y="893"/>
                    </a:lnTo>
                    <a:lnTo>
                      <a:pt x="703" y="893"/>
                    </a:lnTo>
                    <a:lnTo>
                      <a:pt x="703" y="898"/>
                    </a:lnTo>
                    <a:lnTo>
                      <a:pt x="572" y="898"/>
                    </a:lnTo>
                    <a:lnTo>
                      <a:pt x="572" y="902"/>
                    </a:lnTo>
                    <a:lnTo>
                      <a:pt x="703" y="902"/>
                    </a:lnTo>
                    <a:lnTo>
                      <a:pt x="703" y="923"/>
                    </a:lnTo>
                    <a:lnTo>
                      <a:pt x="703" y="923"/>
                    </a:lnTo>
                    <a:lnTo>
                      <a:pt x="703" y="902"/>
                    </a:lnTo>
                    <a:lnTo>
                      <a:pt x="811" y="902"/>
                    </a:lnTo>
                    <a:lnTo>
                      <a:pt x="811" y="896"/>
                    </a:lnTo>
                    <a:lnTo>
                      <a:pt x="703" y="898"/>
                    </a:lnTo>
                    <a:lnTo>
                      <a:pt x="703" y="893"/>
                    </a:lnTo>
                    <a:lnTo>
                      <a:pt x="715" y="893"/>
                    </a:lnTo>
                    <a:lnTo>
                      <a:pt x="726" y="877"/>
                    </a:lnTo>
                    <a:lnTo>
                      <a:pt x="696" y="877"/>
                    </a:lnTo>
                    <a:lnTo>
                      <a:pt x="696" y="840"/>
                    </a:lnTo>
                    <a:lnTo>
                      <a:pt x="696" y="840"/>
                    </a:lnTo>
                    <a:lnTo>
                      <a:pt x="697" y="836"/>
                    </a:lnTo>
                    <a:lnTo>
                      <a:pt x="699" y="836"/>
                    </a:lnTo>
                    <a:lnTo>
                      <a:pt x="699" y="836"/>
                    </a:lnTo>
                    <a:lnTo>
                      <a:pt x="622" y="620"/>
                    </a:lnTo>
                    <a:lnTo>
                      <a:pt x="564" y="614"/>
                    </a:lnTo>
                    <a:lnTo>
                      <a:pt x="495" y="788"/>
                    </a:lnTo>
                    <a:lnTo>
                      <a:pt x="495" y="788"/>
                    </a:lnTo>
                    <a:lnTo>
                      <a:pt x="495" y="846"/>
                    </a:lnTo>
                    <a:lnTo>
                      <a:pt x="487" y="846"/>
                    </a:lnTo>
                    <a:lnTo>
                      <a:pt x="487" y="893"/>
                    </a:lnTo>
                    <a:lnTo>
                      <a:pt x="471" y="893"/>
                    </a:lnTo>
                    <a:lnTo>
                      <a:pt x="471" y="923"/>
                    </a:lnTo>
                    <a:lnTo>
                      <a:pt x="487" y="923"/>
                    </a:lnTo>
                    <a:lnTo>
                      <a:pt x="487" y="1039"/>
                    </a:lnTo>
                    <a:lnTo>
                      <a:pt x="270" y="1039"/>
                    </a:lnTo>
                    <a:lnTo>
                      <a:pt x="270" y="908"/>
                    </a:lnTo>
                    <a:lnTo>
                      <a:pt x="263" y="908"/>
                    </a:lnTo>
                    <a:lnTo>
                      <a:pt x="263" y="641"/>
                    </a:lnTo>
                    <a:lnTo>
                      <a:pt x="263" y="641"/>
                    </a:lnTo>
                    <a:lnTo>
                      <a:pt x="263" y="641"/>
                    </a:lnTo>
                    <a:lnTo>
                      <a:pt x="263" y="545"/>
                    </a:lnTo>
                    <a:lnTo>
                      <a:pt x="270" y="545"/>
                    </a:lnTo>
                    <a:lnTo>
                      <a:pt x="270" y="466"/>
                    </a:lnTo>
                    <a:lnTo>
                      <a:pt x="270" y="466"/>
                    </a:lnTo>
                    <a:lnTo>
                      <a:pt x="270" y="462"/>
                    </a:lnTo>
                    <a:lnTo>
                      <a:pt x="270" y="460"/>
                    </a:lnTo>
                    <a:lnTo>
                      <a:pt x="267" y="460"/>
                    </a:lnTo>
                    <a:lnTo>
                      <a:pt x="162" y="116"/>
                    </a:lnTo>
                    <a:lnTo>
                      <a:pt x="162" y="112"/>
                    </a:lnTo>
                    <a:lnTo>
                      <a:pt x="162" y="112"/>
                    </a:lnTo>
                    <a:lnTo>
                      <a:pt x="162" y="112"/>
                    </a:lnTo>
                    <a:lnTo>
                      <a:pt x="162" y="112"/>
                    </a:lnTo>
                    <a:lnTo>
                      <a:pt x="162" y="104"/>
                    </a:lnTo>
                    <a:lnTo>
                      <a:pt x="162" y="104"/>
                    </a:lnTo>
                    <a:lnTo>
                      <a:pt x="162" y="97"/>
                    </a:lnTo>
                    <a:lnTo>
                      <a:pt x="162" y="97"/>
                    </a:lnTo>
                    <a:lnTo>
                      <a:pt x="162" y="50"/>
                    </a:lnTo>
                    <a:lnTo>
                      <a:pt x="162" y="50"/>
                    </a:lnTo>
                    <a:lnTo>
                      <a:pt x="162" y="43"/>
                    </a:lnTo>
                    <a:lnTo>
                      <a:pt x="162" y="43"/>
                    </a:lnTo>
                    <a:lnTo>
                      <a:pt x="162" y="43"/>
                    </a:lnTo>
                    <a:lnTo>
                      <a:pt x="162" y="43"/>
                    </a:lnTo>
                    <a:lnTo>
                      <a:pt x="162" y="35"/>
                    </a:lnTo>
                    <a:lnTo>
                      <a:pt x="162" y="35"/>
                    </a:lnTo>
                    <a:lnTo>
                      <a:pt x="162" y="4"/>
                    </a:lnTo>
                    <a:lnTo>
                      <a:pt x="162" y="4"/>
                    </a:lnTo>
                    <a:lnTo>
                      <a:pt x="162" y="0"/>
                    </a:lnTo>
                    <a:lnTo>
                      <a:pt x="8" y="0"/>
                    </a:lnTo>
                    <a:lnTo>
                      <a:pt x="8" y="4"/>
                    </a:lnTo>
                    <a:lnTo>
                      <a:pt x="8" y="4"/>
                    </a:lnTo>
                    <a:lnTo>
                      <a:pt x="8" y="908"/>
                    </a:lnTo>
                    <a:lnTo>
                      <a:pt x="0" y="908"/>
                    </a:lnTo>
                    <a:lnTo>
                      <a:pt x="0" y="1194"/>
                    </a:lnTo>
                    <a:lnTo>
                      <a:pt x="243" y="1194"/>
                    </a:lnTo>
                    <a:lnTo>
                      <a:pt x="272" y="1194"/>
                    </a:lnTo>
                    <a:lnTo>
                      <a:pt x="920" y="1194"/>
                    </a:lnTo>
                    <a:lnTo>
                      <a:pt x="920" y="1101"/>
                    </a:lnTo>
                    <a:close/>
                    <a:moveTo>
                      <a:pt x="968" y="856"/>
                    </a:moveTo>
                    <a:lnTo>
                      <a:pt x="970" y="846"/>
                    </a:lnTo>
                    <a:lnTo>
                      <a:pt x="982" y="856"/>
                    </a:lnTo>
                    <a:lnTo>
                      <a:pt x="968" y="856"/>
                    </a:lnTo>
                    <a:close/>
                    <a:moveTo>
                      <a:pt x="987" y="854"/>
                    </a:moveTo>
                    <a:lnTo>
                      <a:pt x="970" y="840"/>
                    </a:lnTo>
                    <a:lnTo>
                      <a:pt x="982" y="819"/>
                    </a:lnTo>
                    <a:lnTo>
                      <a:pt x="997" y="846"/>
                    </a:lnTo>
                    <a:lnTo>
                      <a:pt x="987" y="854"/>
                    </a:lnTo>
                    <a:lnTo>
                      <a:pt x="987" y="854"/>
                    </a:lnTo>
                    <a:close/>
                    <a:moveTo>
                      <a:pt x="985" y="790"/>
                    </a:moveTo>
                    <a:lnTo>
                      <a:pt x="989" y="794"/>
                    </a:lnTo>
                    <a:lnTo>
                      <a:pt x="982" y="809"/>
                    </a:lnTo>
                    <a:lnTo>
                      <a:pt x="976" y="800"/>
                    </a:lnTo>
                    <a:lnTo>
                      <a:pt x="985" y="790"/>
                    </a:lnTo>
                    <a:close/>
                    <a:moveTo>
                      <a:pt x="978" y="792"/>
                    </a:moveTo>
                    <a:lnTo>
                      <a:pt x="980" y="784"/>
                    </a:lnTo>
                    <a:lnTo>
                      <a:pt x="983" y="788"/>
                    </a:lnTo>
                    <a:lnTo>
                      <a:pt x="978" y="792"/>
                    </a:lnTo>
                    <a:close/>
                    <a:moveTo>
                      <a:pt x="991" y="800"/>
                    </a:moveTo>
                    <a:lnTo>
                      <a:pt x="999" y="842"/>
                    </a:lnTo>
                    <a:lnTo>
                      <a:pt x="983" y="813"/>
                    </a:lnTo>
                    <a:lnTo>
                      <a:pt x="991" y="800"/>
                    </a:lnTo>
                    <a:close/>
                    <a:moveTo>
                      <a:pt x="980" y="815"/>
                    </a:moveTo>
                    <a:lnTo>
                      <a:pt x="972" y="829"/>
                    </a:lnTo>
                    <a:lnTo>
                      <a:pt x="976" y="808"/>
                    </a:lnTo>
                    <a:lnTo>
                      <a:pt x="980" y="815"/>
                    </a:lnTo>
                    <a:close/>
                    <a:moveTo>
                      <a:pt x="995" y="856"/>
                    </a:moveTo>
                    <a:lnTo>
                      <a:pt x="999" y="852"/>
                    </a:lnTo>
                    <a:lnTo>
                      <a:pt x="1003" y="856"/>
                    </a:lnTo>
                    <a:lnTo>
                      <a:pt x="995" y="856"/>
                    </a:lnTo>
                    <a:close/>
                    <a:moveTo>
                      <a:pt x="1030" y="854"/>
                    </a:moveTo>
                    <a:lnTo>
                      <a:pt x="1009" y="854"/>
                    </a:lnTo>
                    <a:lnTo>
                      <a:pt x="1007" y="844"/>
                    </a:lnTo>
                    <a:lnTo>
                      <a:pt x="1036" y="813"/>
                    </a:lnTo>
                    <a:lnTo>
                      <a:pt x="1030" y="854"/>
                    </a:lnTo>
                    <a:close/>
                    <a:moveTo>
                      <a:pt x="1005" y="840"/>
                    </a:moveTo>
                    <a:lnTo>
                      <a:pt x="993" y="784"/>
                    </a:lnTo>
                    <a:lnTo>
                      <a:pt x="1012" y="765"/>
                    </a:lnTo>
                    <a:lnTo>
                      <a:pt x="1036" y="808"/>
                    </a:lnTo>
                    <a:lnTo>
                      <a:pt x="1005" y="840"/>
                    </a:lnTo>
                    <a:close/>
                    <a:moveTo>
                      <a:pt x="1038" y="800"/>
                    </a:moveTo>
                    <a:lnTo>
                      <a:pt x="1014" y="761"/>
                    </a:lnTo>
                    <a:lnTo>
                      <a:pt x="1045" y="728"/>
                    </a:lnTo>
                    <a:lnTo>
                      <a:pt x="1038" y="800"/>
                    </a:lnTo>
                    <a:close/>
                    <a:moveTo>
                      <a:pt x="1047" y="713"/>
                    </a:moveTo>
                    <a:lnTo>
                      <a:pt x="1026" y="674"/>
                    </a:lnTo>
                    <a:lnTo>
                      <a:pt x="1055" y="641"/>
                    </a:lnTo>
                    <a:lnTo>
                      <a:pt x="1047" y="713"/>
                    </a:lnTo>
                    <a:close/>
                    <a:moveTo>
                      <a:pt x="1057" y="626"/>
                    </a:moveTo>
                    <a:lnTo>
                      <a:pt x="1039" y="585"/>
                    </a:lnTo>
                    <a:lnTo>
                      <a:pt x="1067" y="553"/>
                    </a:lnTo>
                    <a:lnTo>
                      <a:pt x="1057" y="626"/>
                    </a:lnTo>
                    <a:close/>
                    <a:moveTo>
                      <a:pt x="1067" y="539"/>
                    </a:moveTo>
                    <a:lnTo>
                      <a:pt x="1051" y="498"/>
                    </a:lnTo>
                    <a:lnTo>
                      <a:pt x="1076" y="466"/>
                    </a:lnTo>
                    <a:lnTo>
                      <a:pt x="1067" y="539"/>
                    </a:lnTo>
                    <a:close/>
                    <a:moveTo>
                      <a:pt x="1078" y="450"/>
                    </a:moveTo>
                    <a:lnTo>
                      <a:pt x="1063" y="411"/>
                    </a:lnTo>
                    <a:lnTo>
                      <a:pt x="1086" y="379"/>
                    </a:lnTo>
                    <a:lnTo>
                      <a:pt x="1078" y="450"/>
                    </a:lnTo>
                    <a:close/>
                    <a:moveTo>
                      <a:pt x="1088" y="363"/>
                    </a:moveTo>
                    <a:lnTo>
                      <a:pt x="1074" y="325"/>
                    </a:lnTo>
                    <a:lnTo>
                      <a:pt x="1096" y="290"/>
                    </a:lnTo>
                    <a:lnTo>
                      <a:pt x="1088" y="363"/>
                    </a:lnTo>
                    <a:close/>
                    <a:moveTo>
                      <a:pt x="1097" y="276"/>
                    </a:moveTo>
                    <a:lnTo>
                      <a:pt x="1086" y="238"/>
                    </a:lnTo>
                    <a:lnTo>
                      <a:pt x="1105" y="203"/>
                    </a:lnTo>
                    <a:lnTo>
                      <a:pt x="1097" y="276"/>
                    </a:lnTo>
                    <a:close/>
                    <a:moveTo>
                      <a:pt x="1115" y="131"/>
                    </a:moveTo>
                    <a:lnTo>
                      <a:pt x="1107" y="187"/>
                    </a:lnTo>
                    <a:lnTo>
                      <a:pt x="1097" y="149"/>
                    </a:lnTo>
                    <a:lnTo>
                      <a:pt x="1107" y="129"/>
                    </a:lnTo>
                    <a:lnTo>
                      <a:pt x="1115" y="131"/>
                    </a:lnTo>
                    <a:close/>
                    <a:moveTo>
                      <a:pt x="1105" y="129"/>
                    </a:moveTo>
                    <a:lnTo>
                      <a:pt x="1097" y="145"/>
                    </a:lnTo>
                    <a:lnTo>
                      <a:pt x="1094" y="128"/>
                    </a:lnTo>
                    <a:lnTo>
                      <a:pt x="1105" y="129"/>
                    </a:lnTo>
                    <a:close/>
                    <a:moveTo>
                      <a:pt x="1084" y="128"/>
                    </a:moveTo>
                    <a:lnTo>
                      <a:pt x="1090" y="128"/>
                    </a:lnTo>
                    <a:lnTo>
                      <a:pt x="1096" y="149"/>
                    </a:lnTo>
                    <a:lnTo>
                      <a:pt x="1074" y="184"/>
                    </a:lnTo>
                    <a:lnTo>
                      <a:pt x="1084" y="128"/>
                    </a:lnTo>
                    <a:close/>
                    <a:moveTo>
                      <a:pt x="1096" y="153"/>
                    </a:moveTo>
                    <a:lnTo>
                      <a:pt x="1107" y="195"/>
                    </a:lnTo>
                    <a:lnTo>
                      <a:pt x="1084" y="234"/>
                    </a:lnTo>
                    <a:lnTo>
                      <a:pt x="1074" y="191"/>
                    </a:lnTo>
                    <a:lnTo>
                      <a:pt x="1096" y="153"/>
                    </a:lnTo>
                    <a:close/>
                    <a:moveTo>
                      <a:pt x="1072" y="199"/>
                    </a:moveTo>
                    <a:lnTo>
                      <a:pt x="1082" y="236"/>
                    </a:lnTo>
                    <a:lnTo>
                      <a:pt x="1061" y="270"/>
                    </a:lnTo>
                    <a:lnTo>
                      <a:pt x="1072" y="199"/>
                    </a:lnTo>
                    <a:close/>
                    <a:moveTo>
                      <a:pt x="1084" y="240"/>
                    </a:moveTo>
                    <a:lnTo>
                      <a:pt x="1097" y="282"/>
                    </a:lnTo>
                    <a:lnTo>
                      <a:pt x="1072" y="321"/>
                    </a:lnTo>
                    <a:lnTo>
                      <a:pt x="1059" y="278"/>
                    </a:lnTo>
                    <a:lnTo>
                      <a:pt x="1084" y="240"/>
                    </a:lnTo>
                    <a:close/>
                    <a:moveTo>
                      <a:pt x="1059" y="286"/>
                    </a:moveTo>
                    <a:lnTo>
                      <a:pt x="1070" y="325"/>
                    </a:lnTo>
                    <a:lnTo>
                      <a:pt x="1047" y="357"/>
                    </a:lnTo>
                    <a:lnTo>
                      <a:pt x="1059" y="286"/>
                    </a:lnTo>
                    <a:close/>
                    <a:moveTo>
                      <a:pt x="1072" y="328"/>
                    </a:moveTo>
                    <a:lnTo>
                      <a:pt x="1086" y="371"/>
                    </a:lnTo>
                    <a:lnTo>
                      <a:pt x="1061" y="408"/>
                    </a:lnTo>
                    <a:lnTo>
                      <a:pt x="1045" y="365"/>
                    </a:lnTo>
                    <a:lnTo>
                      <a:pt x="1072" y="328"/>
                    </a:lnTo>
                    <a:close/>
                    <a:moveTo>
                      <a:pt x="1045" y="373"/>
                    </a:moveTo>
                    <a:lnTo>
                      <a:pt x="1059" y="411"/>
                    </a:lnTo>
                    <a:lnTo>
                      <a:pt x="1034" y="444"/>
                    </a:lnTo>
                    <a:lnTo>
                      <a:pt x="1045" y="373"/>
                    </a:lnTo>
                    <a:close/>
                    <a:moveTo>
                      <a:pt x="1059" y="415"/>
                    </a:moveTo>
                    <a:lnTo>
                      <a:pt x="1076" y="458"/>
                    </a:lnTo>
                    <a:lnTo>
                      <a:pt x="1049" y="495"/>
                    </a:lnTo>
                    <a:lnTo>
                      <a:pt x="1032" y="452"/>
                    </a:lnTo>
                    <a:lnTo>
                      <a:pt x="1059" y="415"/>
                    </a:lnTo>
                    <a:close/>
                    <a:moveTo>
                      <a:pt x="1030" y="460"/>
                    </a:moveTo>
                    <a:lnTo>
                      <a:pt x="1045" y="498"/>
                    </a:lnTo>
                    <a:lnTo>
                      <a:pt x="1018" y="531"/>
                    </a:lnTo>
                    <a:lnTo>
                      <a:pt x="1030" y="460"/>
                    </a:lnTo>
                    <a:close/>
                    <a:moveTo>
                      <a:pt x="1047" y="502"/>
                    </a:moveTo>
                    <a:lnTo>
                      <a:pt x="1067" y="545"/>
                    </a:lnTo>
                    <a:lnTo>
                      <a:pt x="1038" y="581"/>
                    </a:lnTo>
                    <a:lnTo>
                      <a:pt x="1018" y="539"/>
                    </a:lnTo>
                    <a:lnTo>
                      <a:pt x="1047" y="502"/>
                    </a:lnTo>
                    <a:close/>
                    <a:moveTo>
                      <a:pt x="1016" y="547"/>
                    </a:moveTo>
                    <a:lnTo>
                      <a:pt x="1034" y="585"/>
                    </a:lnTo>
                    <a:lnTo>
                      <a:pt x="1005" y="618"/>
                    </a:lnTo>
                    <a:lnTo>
                      <a:pt x="1016" y="547"/>
                    </a:lnTo>
                    <a:close/>
                    <a:moveTo>
                      <a:pt x="1036" y="589"/>
                    </a:moveTo>
                    <a:lnTo>
                      <a:pt x="1057" y="634"/>
                    </a:lnTo>
                    <a:lnTo>
                      <a:pt x="1024" y="670"/>
                    </a:lnTo>
                    <a:lnTo>
                      <a:pt x="1005" y="626"/>
                    </a:lnTo>
                    <a:lnTo>
                      <a:pt x="1036" y="589"/>
                    </a:lnTo>
                    <a:close/>
                    <a:moveTo>
                      <a:pt x="1003" y="634"/>
                    </a:moveTo>
                    <a:lnTo>
                      <a:pt x="1022" y="672"/>
                    </a:lnTo>
                    <a:lnTo>
                      <a:pt x="991" y="705"/>
                    </a:lnTo>
                    <a:lnTo>
                      <a:pt x="1003" y="634"/>
                    </a:lnTo>
                    <a:close/>
                    <a:moveTo>
                      <a:pt x="1024" y="676"/>
                    </a:moveTo>
                    <a:lnTo>
                      <a:pt x="1047" y="721"/>
                    </a:lnTo>
                    <a:lnTo>
                      <a:pt x="1012" y="757"/>
                    </a:lnTo>
                    <a:lnTo>
                      <a:pt x="991" y="713"/>
                    </a:lnTo>
                    <a:lnTo>
                      <a:pt x="1024" y="676"/>
                    </a:lnTo>
                    <a:close/>
                    <a:moveTo>
                      <a:pt x="989" y="721"/>
                    </a:moveTo>
                    <a:lnTo>
                      <a:pt x="1010" y="761"/>
                    </a:lnTo>
                    <a:lnTo>
                      <a:pt x="991" y="779"/>
                    </a:lnTo>
                    <a:lnTo>
                      <a:pt x="985" y="748"/>
                    </a:lnTo>
                    <a:lnTo>
                      <a:pt x="989" y="721"/>
                    </a:lnTo>
                    <a:close/>
                    <a:moveTo>
                      <a:pt x="982" y="761"/>
                    </a:moveTo>
                    <a:lnTo>
                      <a:pt x="987" y="782"/>
                    </a:lnTo>
                    <a:lnTo>
                      <a:pt x="985" y="784"/>
                    </a:lnTo>
                    <a:lnTo>
                      <a:pt x="980" y="779"/>
                    </a:lnTo>
                    <a:lnTo>
                      <a:pt x="982" y="761"/>
                    </a:lnTo>
                    <a:close/>
                    <a:moveTo>
                      <a:pt x="980" y="748"/>
                    </a:moveTo>
                    <a:lnTo>
                      <a:pt x="976" y="775"/>
                    </a:lnTo>
                    <a:lnTo>
                      <a:pt x="954" y="755"/>
                    </a:lnTo>
                    <a:lnTo>
                      <a:pt x="972" y="715"/>
                    </a:lnTo>
                    <a:lnTo>
                      <a:pt x="980" y="748"/>
                    </a:lnTo>
                    <a:close/>
                    <a:moveTo>
                      <a:pt x="970" y="699"/>
                    </a:moveTo>
                    <a:lnTo>
                      <a:pt x="937" y="668"/>
                    </a:lnTo>
                    <a:lnTo>
                      <a:pt x="954" y="628"/>
                    </a:lnTo>
                    <a:lnTo>
                      <a:pt x="970" y="699"/>
                    </a:lnTo>
                    <a:close/>
                    <a:moveTo>
                      <a:pt x="951" y="614"/>
                    </a:moveTo>
                    <a:lnTo>
                      <a:pt x="920" y="581"/>
                    </a:lnTo>
                    <a:lnTo>
                      <a:pt x="935" y="543"/>
                    </a:lnTo>
                    <a:lnTo>
                      <a:pt x="951" y="614"/>
                    </a:lnTo>
                    <a:close/>
                    <a:moveTo>
                      <a:pt x="931" y="527"/>
                    </a:moveTo>
                    <a:lnTo>
                      <a:pt x="904" y="496"/>
                    </a:lnTo>
                    <a:lnTo>
                      <a:pt x="916" y="456"/>
                    </a:lnTo>
                    <a:lnTo>
                      <a:pt x="931" y="527"/>
                    </a:lnTo>
                    <a:close/>
                    <a:moveTo>
                      <a:pt x="914" y="440"/>
                    </a:moveTo>
                    <a:lnTo>
                      <a:pt x="887" y="410"/>
                    </a:lnTo>
                    <a:lnTo>
                      <a:pt x="898" y="369"/>
                    </a:lnTo>
                    <a:lnTo>
                      <a:pt x="914" y="440"/>
                    </a:lnTo>
                    <a:close/>
                    <a:moveTo>
                      <a:pt x="895" y="355"/>
                    </a:moveTo>
                    <a:lnTo>
                      <a:pt x="869" y="323"/>
                    </a:lnTo>
                    <a:lnTo>
                      <a:pt x="879" y="284"/>
                    </a:lnTo>
                    <a:lnTo>
                      <a:pt x="895" y="355"/>
                    </a:lnTo>
                    <a:close/>
                    <a:moveTo>
                      <a:pt x="877" y="269"/>
                    </a:moveTo>
                    <a:lnTo>
                      <a:pt x="852" y="236"/>
                    </a:lnTo>
                    <a:lnTo>
                      <a:pt x="862" y="197"/>
                    </a:lnTo>
                    <a:lnTo>
                      <a:pt x="877" y="269"/>
                    </a:lnTo>
                    <a:close/>
                    <a:moveTo>
                      <a:pt x="846" y="128"/>
                    </a:moveTo>
                    <a:lnTo>
                      <a:pt x="858" y="182"/>
                    </a:lnTo>
                    <a:lnTo>
                      <a:pt x="837" y="149"/>
                    </a:lnTo>
                    <a:lnTo>
                      <a:pt x="840" y="128"/>
                    </a:lnTo>
                    <a:lnTo>
                      <a:pt x="846" y="128"/>
                    </a:lnTo>
                    <a:close/>
                    <a:moveTo>
                      <a:pt x="837" y="128"/>
                    </a:moveTo>
                    <a:lnTo>
                      <a:pt x="835" y="147"/>
                    </a:lnTo>
                    <a:lnTo>
                      <a:pt x="825" y="131"/>
                    </a:lnTo>
                    <a:lnTo>
                      <a:pt x="837" y="128"/>
                    </a:lnTo>
                    <a:close/>
                    <a:moveTo>
                      <a:pt x="815" y="133"/>
                    </a:moveTo>
                    <a:lnTo>
                      <a:pt x="821" y="131"/>
                    </a:lnTo>
                    <a:lnTo>
                      <a:pt x="833" y="151"/>
                    </a:lnTo>
                    <a:lnTo>
                      <a:pt x="825" y="189"/>
                    </a:lnTo>
                    <a:lnTo>
                      <a:pt x="815" y="133"/>
                    </a:lnTo>
                    <a:close/>
                    <a:moveTo>
                      <a:pt x="835" y="153"/>
                    </a:moveTo>
                    <a:lnTo>
                      <a:pt x="860" y="189"/>
                    </a:lnTo>
                    <a:lnTo>
                      <a:pt x="850" y="232"/>
                    </a:lnTo>
                    <a:lnTo>
                      <a:pt x="827" y="197"/>
                    </a:lnTo>
                    <a:lnTo>
                      <a:pt x="835" y="153"/>
                    </a:lnTo>
                    <a:close/>
                    <a:moveTo>
                      <a:pt x="827" y="205"/>
                    </a:moveTo>
                    <a:lnTo>
                      <a:pt x="850" y="238"/>
                    </a:lnTo>
                    <a:lnTo>
                      <a:pt x="840" y="276"/>
                    </a:lnTo>
                    <a:lnTo>
                      <a:pt x="827" y="205"/>
                    </a:lnTo>
                    <a:close/>
                    <a:moveTo>
                      <a:pt x="852" y="240"/>
                    </a:moveTo>
                    <a:lnTo>
                      <a:pt x="877" y="276"/>
                    </a:lnTo>
                    <a:lnTo>
                      <a:pt x="868" y="319"/>
                    </a:lnTo>
                    <a:lnTo>
                      <a:pt x="840" y="284"/>
                    </a:lnTo>
                    <a:lnTo>
                      <a:pt x="852" y="240"/>
                    </a:lnTo>
                    <a:close/>
                    <a:moveTo>
                      <a:pt x="842" y="292"/>
                    </a:moveTo>
                    <a:lnTo>
                      <a:pt x="866" y="323"/>
                    </a:lnTo>
                    <a:lnTo>
                      <a:pt x="854" y="363"/>
                    </a:lnTo>
                    <a:lnTo>
                      <a:pt x="842" y="292"/>
                    </a:lnTo>
                    <a:close/>
                    <a:moveTo>
                      <a:pt x="869" y="326"/>
                    </a:moveTo>
                    <a:lnTo>
                      <a:pt x="897" y="363"/>
                    </a:lnTo>
                    <a:lnTo>
                      <a:pt x="883" y="406"/>
                    </a:lnTo>
                    <a:lnTo>
                      <a:pt x="856" y="371"/>
                    </a:lnTo>
                    <a:lnTo>
                      <a:pt x="869" y="326"/>
                    </a:lnTo>
                    <a:close/>
                    <a:moveTo>
                      <a:pt x="858" y="377"/>
                    </a:moveTo>
                    <a:lnTo>
                      <a:pt x="883" y="410"/>
                    </a:lnTo>
                    <a:lnTo>
                      <a:pt x="869" y="450"/>
                    </a:lnTo>
                    <a:lnTo>
                      <a:pt x="858" y="377"/>
                    </a:lnTo>
                    <a:close/>
                    <a:moveTo>
                      <a:pt x="885" y="413"/>
                    </a:moveTo>
                    <a:lnTo>
                      <a:pt x="916" y="448"/>
                    </a:lnTo>
                    <a:lnTo>
                      <a:pt x="900" y="493"/>
                    </a:lnTo>
                    <a:lnTo>
                      <a:pt x="871" y="458"/>
                    </a:lnTo>
                    <a:lnTo>
                      <a:pt x="885" y="413"/>
                    </a:lnTo>
                    <a:close/>
                    <a:moveTo>
                      <a:pt x="871" y="464"/>
                    </a:moveTo>
                    <a:lnTo>
                      <a:pt x="898" y="496"/>
                    </a:lnTo>
                    <a:lnTo>
                      <a:pt x="885" y="537"/>
                    </a:lnTo>
                    <a:lnTo>
                      <a:pt x="871" y="464"/>
                    </a:lnTo>
                    <a:close/>
                    <a:moveTo>
                      <a:pt x="902" y="500"/>
                    </a:moveTo>
                    <a:lnTo>
                      <a:pt x="933" y="535"/>
                    </a:lnTo>
                    <a:lnTo>
                      <a:pt x="918" y="580"/>
                    </a:lnTo>
                    <a:lnTo>
                      <a:pt x="885" y="545"/>
                    </a:lnTo>
                    <a:lnTo>
                      <a:pt x="902" y="500"/>
                    </a:lnTo>
                    <a:close/>
                    <a:moveTo>
                      <a:pt x="887" y="551"/>
                    </a:moveTo>
                    <a:lnTo>
                      <a:pt x="916" y="583"/>
                    </a:lnTo>
                    <a:lnTo>
                      <a:pt x="898" y="624"/>
                    </a:lnTo>
                    <a:lnTo>
                      <a:pt x="887" y="551"/>
                    </a:lnTo>
                    <a:close/>
                    <a:moveTo>
                      <a:pt x="918" y="587"/>
                    </a:moveTo>
                    <a:lnTo>
                      <a:pt x="953" y="620"/>
                    </a:lnTo>
                    <a:lnTo>
                      <a:pt x="933" y="665"/>
                    </a:lnTo>
                    <a:lnTo>
                      <a:pt x="900" y="632"/>
                    </a:lnTo>
                    <a:lnTo>
                      <a:pt x="918" y="587"/>
                    </a:lnTo>
                    <a:close/>
                    <a:moveTo>
                      <a:pt x="902" y="638"/>
                    </a:moveTo>
                    <a:lnTo>
                      <a:pt x="931" y="670"/>
                    </a:lnTo>
                    <a:lnTo>
                      <a:pt x="914" y="711"/>
                    </a:lnTo>
                    <a:lnTo>
                      <a:pt x="902" y="638"/>
                    </a:lnTo>
                    <a:close/>
                    <a:moveTo>
                      <a:pt x="935" y="672"/>
                    </a:moveTo>
                    <a:lnTo>
                      <a:pt x="970" y="707"/>
                    </a:lnTo>
                    <a:lnTo>
                      <a:pt x="951" y="751"/>
                    </a:lnTo>
                    <a:lnTo>
                      <a:pt x="916" y="719"/>
                    </a:lnTo>
                    <a:lnTo>
                      <a:pt x="935" y="672"/>
                    </a:lnTo>
                    <a:close/>
                    <a:moveTo>
                      <a:pt x="916" y="724"/>
                    </a:moveTo>
                    <a:lnTo>
                      <a:pt x="949" y="755"/>
                    </a:lnTo>
                    <a:lnTo>
                      <a:pt x="929" y="798"/>
                    </a:lnTo>
                    <a:lnTo>
                      <a:pt x="916" y="724"/>
                    </a:lnTo>
                    <a:close/>
                    <a:moveTo>
                      <a:pt x="953" y="759"/>
                    </a:moveTo>
                    <a:lnTo>
                      <a:pt x="974" y="779"/>
                    </a:lnTo>
                    <a:lnTo>
                      <a:pt x="964" y="836"/>
                    </a:lnTo>
                    <a:lnTo>
                      <a:pt x="929" y="806"/>
                    </a:lnTo>
                    <a:lnTo>
                      <a:pt x="953" y="759"/>
                    </a:lnTo>
                    <a:close/>
                    <a:moveTo>
                      <a:pt x="931" y="811"/>
                    </a:moveTo>
                    <a:lnTo>
                      <a:pt x="964" y="840"/>
                    </a:lnTo>
                    <a:lnTo>
                      <a:pt x="962" y="846"/>
                    </a:lnTo>
                    <a:lnTo>
                      <a:pt x="958" y="854"/>
                    </a:lnTo>
                    <a:lnTo>
                      <a:pt x="939" y="854"/>
                    </a:lnTo>
                    <a:lnTo>
                      <a:pt x="931" y="811"/>
                    </a:lnTo>
                    <a:close/>
                    <a:moveTo>
                      <a:pt x="570" y="620"/>
                    </a:moveTo>
                    <a:lnTo>
                      <a:pt x="603" y="636"/>
                    </a:lnTo>
                    <a:lnTo>
                      <a:pt x="549" y="695"/>
                    </a:lnTo>
                    <a:lnTo>
                      <a:pt x="570" y="620"/>
                    </a:lnTo>
                    <a:close/>
                    <a:moveTo>
                      <a:pt x="216" y="350"/>
                    </a:moveTo>
                    <a:lnTo>
                      <a:pt x="128" y="350"/>
                    </a:lnTo>
                    <a:lnTo>
                      <a:pt x="187" y="253"/>
                    </a:lnTo>
                    <a:lnTo>
                      <a:pt x="216" y="350"/>
                    </a:lnTo>
                    <a:close/>
                    <a:moveTo>
                      <a:pt x="182" y="238"/>
                    </a:moveTo>
                    <a:lnTo>
                      <a:pt x="110" y="238"/>
                    </a:lnTo>
                    <a:lnTo>
                      <a:pt x="151" y="139"/>
                    </a:lnTo>
                    <a:lnTo>
                      <a:pt x="182" y="238"/>
                    </a:lnTo>
                    <a:close/>
                    <a:moveTo>
                      <a:pt x="23" y="6"/>
                    </a:moveTo>
                    <a:lnTo>
                      <a:pt x="147" y="4"/>
                    </a:lnTo>
                    <a:lnTo>
                      <a:pt x="147" y="37"/>
                    </a:lnTo>
                    <a:lnTo>
                      <a:pt x="23" y="37"/>
                    </a:lnTo>
                    <a:lnTo>
                      <a:pt x="23" y="6"/>
                    </a:lnTo>
                    <a:close/>
                    <a:moveTo>
                      <a:pt x="23" y="43"/>
                    </a:moveTo>
                    <a:lnTo>
                      <a:pt x="147" y="43"/>
                    </a:lnTo>
                    <a:lnTo>
                      <a:pt x="147" y="46"/>
                    </a:lnTo>
                    <a:lnTo>
                      <a:pt x="23" y="46"/>
                    </a:lnTo>
                    <a:lnTo>
                      <a:pt x="23" y="43"/>
                    </a:lnTo>
                    <a:close/>
                    <a:moveTo>
                      <a:pt x="23" y="50"/>
                    </a:moveTo>
                    <a:lnTo>
                      <a:pt x="147" y="50"/>
                    </a:lnTo>
                    <a:lnTo>
                      <a:pt x="147" y="99"/>
                    </a:lnTo>
                    <a:lnTo>
                      <a:pt x="23" y="99"/>
                    </a:lnTo>
                    <a:lnTo>
                      <a:pt x="23" y="50"/>
                    </a:lnTo>
                    <a:close/>
                    <a:moveTo>
                      <a:pt x="23" y="102"/>
                    </a:moveTo>
                    <a:lnTo>
                      <a:pt x="147" y="102"/>
                    </a:lnTo>
                    <a:lnTo>
                      <a:pt x="147" y="110"/>
                    </a:lnTo>
                    <a:lnTo>
                      <a:pt x="23" y="110"/>
                    </a:lnTo>
                    <a:lnTo>
                      <a:pt x="23" y="102"/>
                    </a:lnTo>
                    <a:close/>
                    <a:moveTo>
                      <a:pt x="23" y="116"/>
                    </a:moveTo>
                    <a:lnTo>
                      <a:pt x="147" y="114"/>
                    </a:lnTo>
                    <a:lnTo>
                      <a:pt x="147" y="120"/>
                    </a:lnTo>
                    <a:lnTo>
                      <a:pt x="145" y="120"/>
                    </a:lnTo>
                    <a:lnTo>
                      <a:pt x="145" y="120"/>
                    </a:lnTo>
                    <a:lnTo>
                      <a:pt x="147" y="126"/>
                    </a:lnTo>
                    <a:lnTo>
                      <a:pt x="23" y="126"/>
                    </a:lnTo>
                    <a:lnTo>
                      <a:pt x="23" y="116"/>
                    </a:lnTo>
                    <a:close/>
                    <a:moveTo>
                      <a:pt x="23" y="129"/>
                    </a:moveTo>
                    <a:lnTo>
                      <a:pt x="149" y="129"/>
                    </a:lnTo>
                    <a:lnTo>
                      <a:pt x="149" y="133"/>
                    </a:lnTo>
                    <a:lnTo>
                      <a:pt x="104" y="236"/>
                    </a:lnTo>
                    <a:lnTo>
                      <a:pt x="23" y="133"/>
                    </a:lnTo>
                    <a:lnTo>
                      <a:pt x="23" y="129"/>
                    </a:lnTo>
                    <a:close/>
                    <a:moveTo>
                      <a:pt x="23" y="141"/>
                    </a:moveTo>
                    <a:lnTo>
                      <a:pt x="100" y="238"/>
                    </a:lnTo>
                    <a:lnTo>
                      <a:pt x="23" y="240"/>
                    </a:lnTo>
                    <a:lnTo>
                      <a:pt x="23" y="141"/>
                    </a:lnTo>
                    <a:close/>
                    <a:moveTo>
                      <a:pt x="23" y="243"/>
                    </a:moveTo>
                    <a:lnTo>
                      <a:pt x="184" y="243"/>
                    </a:lnTo>
                    <a:lnTo>
                      <a:pt x="185" y="247"/>
                    </a:lnTo>
                    <a:lnTo>
                      <a:pt x="122" y="350"/>
                    </a:lnTo>
                    <a:lnTo>
                      <a:pt x="23" y="247"/>
                    </a:lnTo>
                    <a:lnTo>
                      <a:pt x="23" y="243"/>
                    </a:lnTo>
                    <a:close/>
                    <a:moveTo>
                      <a:pt x="23" y="257"/>
                    </a:moveTo>
                    <a:lnTo>
                      <a:pt x="114" y="350"/>
                    </a:lnTo>
                    <a:lnTo>
                      <a:pt x="23" y="350"/>
                    </a:lnTo>
                    <a:lnTo>
                      <a:pt x="23" y="257"/>
                    </a:lnTo>
                    <a:close/>
                    <a:moveTo>
                      <a:pt x="23" y="355"/>
                    </a:moveTo>
                    <a:lnTo>
                      <a:pt x="218" y="355"/>
                    </a:lnTo>
                    <a:lnTo>
                      <a:pt x="220" y="363"/>
                    </a:lnTo>
                    <a:lnTo>
                      <a:pt x="141" y="460"/>
                    </a:lnTo>
                    <a:lnTo>
                      <a:pt x="141" y="460"/>
                    </a:lnTo>
                    <a:lnTo>
                      <a:pt x="23" y="359"/>
                    </a:lnTo>
                    <a:lnTo>
                      <a:pt x="23" y="355"/>
                    </a:lnTo>
                    <a:close/>
                    <a:moveTo>
                      <a:pt x="23" y="369"/>
                    </a:moveTo>
                    <a:lnTo>
                      <a:pt x="131" y="460"/>
                    </a:lnTo>
                    <a:lnTo>
                      <a:pt x="23" y="460"/>
                    </a:lnTo>
                    <a:lnTo>
                      <a:pt x="23" y="369"/>
                    </a:lnTo>
                    <a:close/>
                    <a:moveTo>
                      <a:pt x="23" y="551"/>
                    </a:moveTo>
                    <a:lnTo>
                      <a:pt x="133" y="636"/>
                    </a:lnTo>
                    <a:lnTo>
                      <a:pt x="23" y="636"/>
                    </a:lnTo>
                    <a:lnTo>
                      <a:pt x="23" y="551"/>
                    </a:lnTo>
                    <a:close/>
                    <a:moveTo>
                      <a:pt x="23" y="641"/>
                    </a:moveTo>
                    <a:lnTo>
                      <a:pt x="133" y="641"/>
                    </a:lnTo>
                    <a:lnTo>
                      <a:pt x="116" y="684"/>
                    </a:lnTo>
                    <a:lnTo>
                      <a:pt x="58" y="684"/>
                    </a:lnTo>
                    <a:lnTo>
                      <a:pt x="23" y="643"/>
                    </a:lnTo>
                    <a:lnTo>
                      <a:pt x="23" y="641"/>
                    </a:lnTo>
                    <a:close/>
                    <a:moveTo>
                      <a:pt x="120" y="682"/>
                    </a:moveTo>
                    <a:lnTo>
                      <a:pt x="139" y="638"/>
                    </a:lnTo>
                    <a:lnTo>
                      <a:pt x="141" y="638"/>
                    </a:lnTo>
                    <a:lnTo>
                      <a:pt x="158" y="680"/>
                    </a:lnTo>
                    <a:lnTo>
                      <a:pt x="120" y="682"/>
                    </a:lnTo>
                    <a:close/>
                    <a:moveTo>
                      <a:pt x="162" y="688"/>
                    </a:moveTo>
                    <a:lnTo>
                      <a:pt x="164" y="692"/>
                    </a:lnTo>
                    <a:lnTo>
                      <a:pt x="116" y="692"/>
                    </a:lnTo>
                    <a:lnTo>
                      <a:pt x="118" y="688"/>
                    </a:lnTo>
                    <a:lnTo>
                      <a:pt x="162" y="688"/>
                    </a:lnTo>
                    <a:close/>
                    <a:moveTo>
                      <a:pt x="66" y="692"/>
                    </a:moveTo>
                    <a:lnTo>
                      <a:pt x="62" y="688"/>
                    </a:lnTo>
                    <a:lnTo>
                      <a:pt x="114" y="688"/>
                    </a:lnTo>
                    <a:lnTo>
                      <a:pt x="112" y="692"/>
                    </a:lnTo>
                    <a:lnTo>
                      <a:pt x="66" y="692"/>
                    </a:lnTo>
                    <a:close/>
                    <a:moveTo>
                      <a:pt x="108" y="697"/>
                    </a:moveTo>
                    <a:lnTo>
                      <a:pt x="97" y="726"/>
                    </a:lnTo>
                    <a:lnTo>
                      <a:pt x="70" y="697"/>
                    </a:lnTo>
                    <a:lnTo>
                      <a:pt x="108" y="697"/>
                    </a:lnTo>
                    <a:close/>
                    <a:moveTo>
                      <a:pt x="23" y="651"/>
                    </a:moveTo>
                    <a:lnTo>
                      <a:pt x="52" y="684"/>
                    </a:lnTo>
                    <a:lnTo>
                      <a:pt x="23" y="684"/>
                    </a:lnTo>
                    <a:lnTo>
                      <a:pt x="23" y="651"/>
                    </a:lnTo>
                    <a:close/>
                    <a:moveTo>
                      <a:pt x="23" y="688"/>
                    </a:moveTo>
                    <a:lnTo>
                      <a:pt x="56" y="688"/>
                    </a:lnTo>
                    <a:lnTo>
                      <a:pt x="60" y="692"/>
                    </a:lnTo>
                    <a:lnTo>
                      <a:pt x="23" y="692"/>
                    </a:lnTo>
                    <a:lnTo>
                      <a:pt x="23" y="688"/>
                    </a:lnTo>
                    <a:close/>
                    <a:moveTo>
                      <a:pt x="23" y="697"/>
                    </a:moveTo>
                    <a:lnTo>
                      <a:pt x="64" y="697"/>
                    </a:lnTo>
                    <a:lnTo>
                      <a:pt x="93" y="730"/>
                    </a:lnTo>
                    <a:lnTo>
                      <a:pt x="23" y="730"/>
                    </a:lnTo>
                    <a:lnTo>
                      <a:pt x="23" y="697"/>
                    </a:lnTo>
                    <a:close/>
                    <a:moveTo>
                      <a:pt x="23" y="734"/>
                    </a:moveTo>
                    <a:lnTo>
                      <a:pt x="91" y="734"/>
                    </a:lnTo>
                    <a:lnTo>
                      <a:pt x="50" y="823"/>
                    </a:lnTo>
                    <a:lnTo>
                      <a:pt x="48" y="823"/>
                    </a:lnTo>
                    <a:lnTo>
                      <a:pt x="23" y="746"/>
                    </a:lnTo>
                    <a:lnTo>
                      <a:pt x="23" y="734"/>
                    </a:lnTo>
                    <a:close/>
                    <a:moveTo>
                      <a:pt x="23" y="761"/>
                    </a:moveTo>
                    <a:lnTo>
                      <a:pt x="44" y="825"/>
                    </a:lnTo>
                    <a:lnTo>
                      <a:pt x="23" y="825"/>
                    </a:lnTo>
                    <a:lnTo>
                      <a:pt x="23" y="761"/>
                    </a:lnTo>
                    <a:close/>
                    <a:moveTo>
                      <a:pt x="23" y="831"/>
                    </a:moveTo>
                    <a:lnTo>
                      <a:pt x="44" y="831"/>
                    </a:lnTo>
                    <a:lnTo>
                      <a:pt x="46" y="836"/>
                    </a:lnTo>
                    <a:lnTo>
                      <a:pt x="25" y="885"/>
                    </a:lnTo>
                    <a:lnTo>
                      <a:pt x="23" y="885"/>
                    </a:lnTo>
                    <a:lnTo>
                      <a:pt x="23" y="831"/>
                    </a:lnTo>
                    <a:close/>
                    <a:moveTo>
                      <a:pt x="247" y="908"/>
                    </a:moveTo>
                    <a:lnTo>
                      <a:pt x="23" y="908"/>
                    </a:lnTo>
                    <a:lnTo>
                      <a:pt x="23" y="894"/>
                    </a:lnTo>
                    <a:lnTo>
                      <a:pt x="191" y="894"/>
                    </a:lnTo>
                    <a:lnTo>
                      <a:pt x="191" y="891"/>
                    </a:lnTo>
                    <a:lnTo>
                      <a:pt x="27" y="891"/>
                    </a:lnTo>
                    <a:lnTo>
                      <a:pt x="29" y="887"/>
                    </a:lnTo>
                    <a:lnTo>
                      <a:pt x="191" y="887"/>
                    </a:lnTo>
                    <a:lnTo>
                      <a:pt x="191" y="881"/>
                    </a:lnTo>
                    <a:lnTo>
                      <a:pt x="31" y="881"/>
                    </a:lnTo>
                    <a:lnTo>
                      <a:pt x="99" y="730"/>
                    </a:lnTo>
                    <a:lnTo>
                      <a:pt x="99" y="730"/>
                    </a:lnTo>
                    <a:lnTo>
                      <a:pt x="99" y="730"/>
                    </a:lnTo>
                    <a:lnTo>
                      <a:pt x="114" y="697"/>
                    </a:lnTo>
                    <a:lnTo>
                      <a:pt x="164" y="697"/>
                    </a:lnTo>
                    <a:lnTo>
                      <a:pt x="247" y="879"/>
                    </a:lnTo>
                    <a:lnTo>
                      <a:pt x="247" y="908"/>
                    </a:lnTo>
                    <a:close/>
                    <a:moveTo>
                      <a:pt x="247" y="869"/>
                    </a:moveTo>
                    <a:lnTo>
                      <a:pt x="232" y="831"/>
                    </a:lnTo>
                    <a:lnTo>
                      <a:pt x="234" y="833"/>
                    </a:lnTo>
                    <a:lnTo>
                      <a:pt x="234" y="831"/>
                    </a:lnTo>
                    <a:lnTo>
                      <a:pt x="247" y="831"/>
                    </a:lnTo>
                    <a:lnTo>
                      <a:pt x="247" y="869"/>
                    </a:lnTo>
                    <a:close/>
                    <a:moveTo>
                      <a:pt x="247" y="825"/>
                    </a:moveTo>
                    <a:lnTo>
                      <a:pt x="234" y="825"/>
                    </a:lnTo>
                    <a:lnTo>
                      <a:pt x="247" y="777"/>
                    </a:lnTo>
                    <a:lnTo>
                      <a:pt x="247" y="825"/>
                    </a:lnTo>
                    <a:close/>
                    <a:moveTo>
                      <a:pt x="247" y="759"/>
                    </a:moveTo>
                    <a:lnTo>
                      <a:pt x="230" y="823"/>
                    </a:lnTo>
                    <a:lnTo>
                      <a:pt x="230" y="823"/>
                    </a:lnTo>
                    <a:lnTo>
                      <a:pt x="187" y="734"/>
                    </a:lnTo>
                    <a:lnTo>
                      <a:pt x="247" y="734"/>
                    </a:lnTo>
                    <a:lnTo>
                      <a:pt x="247" y="759"/>
                    </a:lnTo>
                    <a:close/>
                    <a:moveTo>
                      <a:pt x="247" y="730"/>
                    </a:moveTo>
                    <a:lnTo>
                      <a:pt x="185" y="730"/>
                    </a:lnTo>
                    <a:lnTo>
                      <a:pt x="185" y="734"/>
                    </a:lnTo>
                    <a:lnTo>
                      <a:pt x="184" y="730"/>
                    </a:lnTo>
                    <a:lnTo>
                      <a:pt x="247" y="659"/>
                    </a:lnTo>
                    <a:lnTo>
                      <a:pt x="247" y="730"/>
                    </a:lnTo>
                    <a:close/>
                    <a:moveTo>
                      <a:pt x="247" y="651"/>
                    </a:moveTo>
                    <a:lnTo>
                      <a:pt x="184" y="726"/>
                    </a:lnTo>
                    <a:lnTo>
                      <a:pt x="170" y="697"/>
                    </a:lnTo>
                    <a:lnTo>
                      <a:pt x="191" y="697"/>
                    </a:lnTo>
                    <a:lnTo>
                      <a:pt x="191" y="692"/>
                    </a:lnTo>
                    <a:lnTo>
                      <a:pt x="168" y="692"/>
                    </a:lnTo>
                    <a:lnTo>
                      <a:pt x="166" y="688"/>
                    </a:lnTo>
                    <a:lnTo>
                      <a:pt x="191" y="688"/>
                    </a:lnTo>
                    <a:lnTo>
                      <a:pt x="191" y="682"/>
                    </a:lnTo>
                    <a:lnTo>
                      <a:pt x="164" y="682"/>
                    </a:lnTo>
                    <a:lnTo>
                      <a:pt x="145" y="641"/>
                    </a:lnTo>
                    <a:lnTo>
                      <a:pt x="247" y="641"/>
                    </a:lnTo>
                    <a:lnTo>
                      <a:pt x="247" y="651"/>
                    </a:lnTo>
                    <a:close/>
                    <a:moveTo>
                      <a:pt x="247" y="636"/>
                    </a:moveTo>
                    <a:lnTo>
                      <a:pt x="149" y="636"/>
                    </a:lnTo>
                    <a:lnTo>
                      <a:pt x="247" y="558"/>
                    </a:lnTo>
                    <a:lnTo>
                      <a:pt x="247" y="636"/>
                    </a:lnTo>
                    <a:close/>
                    <a:moveTo>
                      <a:pt x="247" y="553"/>
                    </a:moveTo>
                    <a:lnTo>
                      <a:pt x="143" y="636"/>
                    </a:lnTo>
                    <a:lnTo>
                      <a:pt x="143" y="636"/>
                    </a:lnTo>
                    <a:lnTo>
                      <a:pt x="139" y="636"/>
                    </a:lnTo>
                    <a:lnTo>
                      <a:pt x="23" y="545"/>
                    </a:lnTo>
                    <a:lnTo>
                      <a:pt x="23" y="545"/>
                    </a:lnTo>
                    <a:lnTo>
                      <a:pt x="247" y="545"/>
                    </a:lnTo>
                    <a:lnTo>
                      <a:pt x="247" y="553"/>
                    </a:lnTo>
                    <a:close/>
                    <a:moveTo>
                      <a:pt x="147" y="460"/>
                    </a:moveTo>
                    <a:lnTo>
                      <a:pt x="222" y="367"/>
                    </a:lnTo>
                    <a:lnTo>
                      <a:pt x="251" y="460"/>
                    </a:lnTo>
                    <a:lnTo>
                      <a:pt x="147" y="460"/>
                    </a:lnTo>
                    <a:close/>
                    <a:moveTo>
                      <a:pt x="520" y="802"/>
                    </a:moveTo>
                    <a:lnTo>
                      <a:pt x="524" y="893"/>
                    </a:lnTo>
                    <a:lnTo>
                      <a:pt x="510" y="893"/>
                    </a:lnTo>
                    <a:lnTo>
                      <a:pt x="510" y="846"/>
                    </a:lnTo>
                    <a:lnTo>
                      <a:pt x="506" y="846"/>
                    </a:lnTo>
                    <a:lnTo>
                      <a:pt x="520" y="802"/>
                    </a:lnTo>
                    <a:close/>
                  </a:path>
                </a:pathLst>
              </a:custGeom>
              <a:solidFill>
                <a:schemeClr val="bg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6005" tIns="18002" rIns="36005" bIns="18002"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endParaRPr>
              </a:p>
            </p:txBody>
          </p:sp>
          <p:sp>
            <p:nvSpPr>
              <p:cNvPr id="117" name="Freeform 7">
                <a:extLst>
                  <a:ext uri="{FF2B5EF4-FFF2-40B4-BE49-F238E27FC236}">
                    <a16:creationId xmlns:a16="http://schemas.microsoft.com/office/drawing/2014/main" id="{2E4E85AB-039B-4449-A4F2-F6783B4C1C7B}"/>
                  </a:ext>
                </a:extLst>
              </p:cNvPr>
              <p:cNvSpPr>
                <a:spLocks noEditPoints="1"/>
              </p:cNvSpPr>
              <p:nvPr/>
            </p:nvSpPr>
            <p:spPr bwMode="auto">
              <a:xfrm>
                <a:off x="2911" y="1448"/>
                <a:ext cx="1136" cy="232"/>
              </a:xfrm>
              <a:custGeom>
                <a:avLst/>
                <a:gdLst>
                  <a:gd name="T0" fmla="*/ 1066 w 1136"/>
                  <a:gd name="T1" fmla="*/ 19 h 232"/>
                  <a:gd name="T2" fmla="*/ 655 w 1136"/>
                  <a:gd name="T3" fmla="*/ 19 h 232"/>
                  <a:gd name="T4" fmla="*/ 618 w 1136"/>
                  <a:gd name="T5" fmla="*/ 23 h 232"/>
                  <a:gd name="T6" fmla="*/ 0 w 1136"/>
                  <a:gd name="T7" fmla="*/ 232 h 232"/>
                  <a:gd name="T8" fmla="*/ 1136 w 1136"/>
                  <a:gd name="T9" fmla="*/ 87 h 232"/>
                  <a:gd name="T10" fmla="*/ 1136 w 1136"/>
                  <a:gd name="T11" fmla="*/ 79 h 232"/>
                  <a:gd name="T12" fmla="*/ 1136 w 1136"/>
                  <a:gd name="T13" fmla="*/ 62 h 232"/>
                  <a:gd name="T14" fmla="*/ 995 w 1136"/>
                  <a:gd name="T15" fmla="*/ 16 h 232"/>
                  <a:gd name="T16" fmla="*/ 951 w 1136"/>
                  <a:gd name="T17" fmla="*/ 73 h 232"/>
                  <a:gd name="T18" fmla="*/ 937 w 1136"/>
                  <a:gd name="T19" fmla="*/ 54 h 232"/>
                  <a:gd name="T20" fmla="*/ 929 w 1136"/>
                  <a:gd name="T21" fmla="*/ 62 h 232"/>
                  <a:gd name="T22" fmla="*/ 931 w 1136"/>
                  <a:gd name="T23" fmla="*/ 73 h 232"/>
                  <a:gd name="T24" fmla="*/ 931 w 1136"/>
                  <a:gd name="T25" fmla="*/ 73 h 232"/>
                  <a:gd name="T26" fmla="*/ 920 w 1136"/>
                  <a:gd name="T27" fmla="*/ 58 h 232"/>
                  <a:gd name="T28" fmla="*/ 742 w 1136"/>
                  <a:gd name="T29" fmla="*/ 83 h 232"/>
                  <a:gd name="T30" fmla="*/ 755 w 1136"/>
                  <a:gd name="T31" fmla="*/ 62 h 232"/>
                  <a:gd name="T32" fmla="*/ 833 w 1136"/>
                  <a:gd name="T33" fmla="*/ 75 h 232"/>
                  <a:gd name="T34" fmla="*/ 833 w 1136"/>
                  <a:gd name="T35" fmla="*/ 75 h 232"/>
                  <a:gd name="T36" fmla="*/ 790 w 1136"/>
                  <a:gd name="T37" fmla="*/ 19 h 232"/>
                  <a:gd name="T38" fmla="*/ 788 w 1136"/>
                  <a:gd name="T39" fmla="*/ 23 h 232"/>
                  <a:gd name="T40" fmla="*/ 638 w 1136"/>
                  <a:gd name="T41" fmla="*/ 83 h 232"/>
                  <a:gd name="T42" fmla="*/ 721 w 1136"/>
                  <a:gd name="T43" fmla="*/ 62 h 232"/>
                  <a:gd name="T44" fmla="*/ 730 w 1136"/>
                  <a:gd name="T45" fmla="*/ 19 h 232"/>
                  <a:gd name="T46" fmla="*/ 730 w 1136"/>
                  <a:gd name="T47" fmla="*/ 19 h 232"/>
                  <a:gd name="T48" fmla="*/ 684 w 1136"/>
                  <a:gd name="T49" fmla="*/ 23 h 232"/>
                  <a:gd name="T50" fmla="*/ 643 w 1136"/>
                  <a:gd name="T51" fmla="*/ 75 h 232"/>
                  <a:gd name="T52" fmla="*/ 636 w 1136"/>
                  <a:gd name="T53" fmla="*/ 75 h 232"/>
                  <a:gd name="T54" fmla="*/ 634 w 1136"/>
                  <a:gd name="T55" fmla="*/ 79 h 232"/>
                  <a:gd name="T56" fmla="*/ 620 w 1136"/>
                  <a:gd name="T57" fmla="*/ 83 h 232"/>
                  <a:gd name="T58" fmla="*/ 618 w 1136"/>
                  <a:gd name="T59" fmla="*/ 135 h 232"/>
                  <a:gd name="T60" fmla="*/ 618 w 1136"/>
                  <a:gd name="T61" fmla="*/ 220 h 232"/>
                  <a:gd name="T62" fmla="*/ 636 w 1136"/>
                  <a:gd name="T63" fmla="*/ 89 h 232"/>
                  <a:gd name="T64" fmla="*/ 740 w 1136"/>
                  <a:gd name="T65" fmla="*/ 58 h 232"/>
                  <a:gd name="T66" fmla="*/ 740 w 1136"/>
                  <a:gd name="T67" fmla="*/ 75 h 232"/>
                  <a:gd name="T68" fmla="*/ 835 w 1136"/>
                  <a:gd name="T69" fmla="*/ 89 h 232"/>
                  <a:gd name="T70" fmla="*/ 742 w 1136"/>
                  <a:gd name="T71" fmla="*/ 170 h 232"/>
                  <a:gd name="T72" fmla="*/ 742 w 1136"/>
                  <a:gd name="T73" fmla="*/ 170 h 232"/>
                  <a:gd name="T74" fmla="*/ 842 w 1136"/>
                  <a:gd name="T75" fmla="*/ 58 h 232"/>
                  <a:gd name="T76" fmla="*/ 842 w 1136"/>
                  <a:gd name="T77" fmla="*/ 75 h 232"/>
                  <a:gd name="T78" fmla="*/ 842 w 1136"/>
                  <a:gd name="T79" fmla="*/ 89 h 232"/>
                  <a:gd name="T80" fmla="*/ 842 w 1136"/>
                  <a:gd name="T81" fmla="*/ 128 h 232"/>
                  <a:gd name="T82" fmla="*/ 935 w 1136"/>
                  <a:gd name="T83" fmla="*/ 79 h 232"/>
                  <a:gd name="T84" fmla="*/ 947 w 1136"/>
                  <a:gd name="T85" fmla="*/ 58 h 232"/>
                  <a:gd name="T86" fmla="*/ 947 w 1136"/>
                  <a:gd name="T87" fmla="*/ 73 h 232"/>
                  <a:gd name="T88" fmla="*/ 947 w 1136"/>
                  <a:gd name="T89" fmla="*/ 83 h 232"/>
                  <a:gd name="T90" fmla="*/ 947 w 1136"/>
                  <a:gd name="T91" fmla="*/ 79 h 232"/>
                  <a:gd name="T92" fmla="*/ 1008 w 1136"/>
                  <a:gd name="T93" fmla="*/ 83 h 232"/>
                  <a:gd name="T94" fmla="*/ 1016 w 1136"/>
                  <a:gd name="T95" fmla="*/ 73 h 232"/>
                  <a:gd name="T96" fmla="*/ 1016 w 1136"/>
                  <a:gd name="T97" fmla="*/ 73 h 232"/>
                  <a:gd name="T98" fmla="*/ 1030 w 1136"/>
                  <a:gd name="T99" fmla="*/ 58 h 2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136" h="232">
                    <a:moveTo>
                      <a:pt x="1136" y="62"/>
                    </a:moveTo>
                    <a:lnTo>
                      <a:pt x="1136" y="58"/>
                    </a:lnTo>
                    <a:lnTo>
                      <a:pt x="1037" y="58"/>
                    </a:lnTo>
                    <a:lnTo>
                      <a:pt x="1066" y="19"/>
                    </a:lnTo>
                    <a:lnTo>
                      <a:pt x="1099" y="19"/>
                    </a:lnTo>
                    <a:lnTo>
                      <a:pt x="1132" y="0"/>
                    </a:lnTo>
                    <a:lnTo>
                      <a:pt x="622" y="2"/>
                    </a:lnTo>
                    <a:lnTo>
                      <a:pt x="655" y="19"/>
                    </a:lnTo>
                    <a:lnTo>
                      <a:pt x="680" y="19"/>
                    </a:lnTo>
                    <a:lnTo>
                      <a:pt x="649" y="58"/>
                    </a:lnTo>
                    <a:lnTo>
                      <a:pt x="618" y="58"/>
                    </a:lnTo>
                    <a:lnTo>
                      <a:pt x="618" y="23"/>
                    </a:lnTo>
                    <a:lnTo>
                      <a:pt x="124" y="23"/>
                    </a:lnTo>
                    <a:lnTo>
                      <a:pt x="124" y="131"/>
                    </a:lnTo>
                    <a:lnTo>
                      <a:pt x="0" y="131"/>
                    </a:lnTo>
                    <a:lnTo>
                      <a:pt x="0" y="232"/>
                    </a:lnTo>
                    <a:lnTo>
                      <a:pt x="618" y="232"/>
                    </a:lnTo>
                    <a:lnTo>
                      <a:pt x="618" y="226"/>
                    </a:lnTo>
                    <a:lnTo>
                      <a:pt x="947" y="89"/>
                    </a:lnTo>
                    <a:lnTo>
                      <a:pt x="1136" y="87"/>
                    </a:lnTo>
                    <a:lnTo>
                      <a:pt x="1136" y="83"/>
                    </a:lnTo>
                    <a:lnTo>
                      <a:pt x="1018" y="83"/>
                    </a:lnTo>
                    <a:lnTo>
                      <a:pt x="1022" y="79"/>
                    </a:lnTo>
                    <a:lnTo>
                      <a:pt x="1136" y="79"/>
                    </a:lnTo>
                    <a:lnTo>
                      <a:pt x="1136" y="73"/>
                    </a:lnTo>
                    <a:lnTo>
                      <a:pt x="1024" y="73"/>
                    </a:lnTo>
                    <a:lnTo>
                      <a:pt x="1034" y="62"/>
                    </a:lnTo>
                    <a:lnTo>
                      <a:pt x="1136" y="62"/>
                    </a:lnTo>
                    <a:close/>
                    <a:moveTo>
                      <a:pt x="999" y="16"/>
                    </a:moveTo>
                    <a:lnTo>
                      <a:pt x="999" y="56"/>
                    </a:lnTo>
                    <a:lnTo>
                      <a:pt x="964" y="54"/>
                    </a:lnTo>
                    <a:lnTo>
                      <a:pt x="995" y="16"/>
                    </a:lnTo>
                    <a:lnTo>
                      <a:pt x="999" y="16"/>
                    </a:lnTo>
                    <a:close/>
                    <a:moveTo>
                      <a:pt x="997" y="62"/>
                    </a:moveTo>
                    <a:lnTo>
                      <a:pt x="997" y="73"/>
                    </a:lnTo>
                    <a:lnTo>
                      <a:pt x="951" y="73"/>
                    </a:lnTo>
                    <a:lnTo>
                      <a:pt x="958" y="62"/>
                    </a:lnTo>
                    <a:lnTo>
                      <a:pt x="997" y="62"/>
                    </a:lnTo>
                    <a:close/>
                    <a:moveTo>
                      <a:pt x="937" y="17"/>
                    </a:moveTo>
                    <a:lnTo>
                      <a:pt x="937" y="54"/>
                    </a:lnTo>
                    <a:lnTo>
                      <a:pt x="925" y="54"/>
                    </a:lnTo>
                    <a:lnTo>
                      <a:pt x="896" y="17"/>
                    </a:lnTo>
                    <a:lnTo>
                      <a:pt x="937" y="17"/>
                    </a:lnTo>
                    <a:close/>
                    <a:moveTo>
                      <a:pt x="929" y="62"/>
                    </a:moveTo>
                    <a:lnTo>
                      <a:pt x="937" y="62"/>
                    </a:lnTo>
                    <a:lnTo>
                      <a:pt x="937" y="73"/>
                    </a:lnTo>
                    <a:lnTo>
                      <a:pt x="929" y="62"/>
                    </a:lnTo>
                    <a:close/>
                    <a:moveTo>
                      <a:pt x="931" y="73"/>
                    </a:moveTo>
                    <a:lnTo>
                      <a:pt x="852" y="75"/>
                    </a:lnTo>
                    <a:lnTo>
                      <a:pt x="862" y="62"/>
                    </a:lnTo>
                    <a:lnTo>
                      <a:pt x="923" y="62"/>
                    </a:lnTo>
                    <a:lnTo>
                      <a:pt x="931" y="73"/>
                    </a:lnTo>
                    <a:close/>
                    <a:moveTo>
                      <a:pt x="920" y="58"/>
                    </a:moveTo>
                    <a:lnTo>
                      <a:pt x="866" y="58"/>
                    </a:lnTo>
                    <a:lnTo>
                      <a:pt x="893" y="23"/>
                    </a:lnTo>
                    <a:lnTo>
                      <a:pt x="920" y="58"/>
                    </a:lnTo>
                    <a:close/>
                    <a:moveTo>
                      <a:pt x="835" y="79"/>
                    </a:moveTo>
                    <a:lnTo>
                      <a:pt x="835" y="83"/>
                    </a:lnTo>
                    <a:lnTo>
                      <a:pt x="742" y="83"/>
                    </a:lnTo>
                    <a:lnTo>
                      <a:pt x="742" y="83"/>
                    </a:lnTo>
                    <a:lnTo>
                      <a:pt x="746" y="79"/>
                    </a:lnTo>
                    <a:lnTo>
                      <a:pt x="835" y="79"/>
                    </a:lnTo>
                    <a:close/>
                    <a:moveTo>
                      <a:pt x="748" y="75"/>
                    </a:moveTo>
                    <a:lnTo>
                      <a:pt x="755" y="62"/>
                    </a:lnTo>
                    <a:lnTo>
                      <a:pt x="817" y="62"/>
                    </a:lnTo>
                    <a:lnTo>
                      <a:pt x="827" y="75"/>
                    </a:lnTo>
                    <a:lnTo>
                      <a:pt x="748" y="75"/>
                    </a:lnTo>
                    <a:close/>
                    <a:moveTo>
                      <a:pt x="833" y="75"/>
                    </a:moveTo>
                    <a:lnTo>
                      <a:pt x="823" y="62"/>
                    </a:lnTo>
                    <a:lnTo>
                      <a:pt x="833" y="62"/>
                    </a:lnTo>
                    <a:lnTo>
                      <a:pt x="833" y="75"/>
                    </a:lnTo>
                    <a:lnTo>
                      <a:pt x="833" y="75"/>
                    </a:lnTo>
                    <a:close/>
                    <a:moveTo>
                      <a:pt x="833" y="19"/>
                    </a:moveTo>
                    <a:lnTo>
                      <a:pt x="833" y="58"/>
                    </a:lnTo>
                    <a:lnTo>
                      <a:pt x="819" y="58"/>
                    </a:lnTo>
                    <a:lnTo>
                      <a:pt x="790" y="19"/>
                    </a:lnTo>
                    <a:lnTo>
                      <a:pt x="833" y="19"/>
                    </a:lnTo>
                    <a:close/>
                    <a:moveTo>
                      <a:pt x="813" y="58"/>
                    </a:moveTo>
                    <a:lnTo>
                      <a:pt x="759" y="58"/>
                    </a:lnTo>
                    <a:lnTo>
                      <a:pt x="788" y="23"/>
                    </a:lnTo>
                    <a:lnTo>
                      <a:pt x="813" y="58"/>
                    </a:lnTo>
                    <a:close/>
                    <a:moveTo>
                      <a:pt x="734" y="79"/>
                    </a:moveTo>
                    <a:lnTo>
                      <a:pt x="734" y="83"/>
                    </a:lnTo>
                    <a:lnTo>
                      <a:pt x="638" y="83"/>
                    </a:lnTo>
                    <a:lnTo>
                      <a:pt x="643" y="79"/>
                    </a:lnTo>
                    <a:lnTo>
                      <a:pt x="734" y="79"/>
                    </a:lnTo>
                    <a:close/>
                    <a:moveTo>
                      <a:pt x="728" y="75"/>
                    </a:moveTo>
                    <a:lnTo>
                      <a:pt x="721" y="62"/>
                    </a:lnTo>
                    <a:lnTo>
                      <a:pt x="730" y="62"/>
                    </a:lnTo>
                    <a:lnTo>
                      <a:pt x="730" y="75"/>
                    </a:lnTo>
                    <a:lnTo>
                      <a:pt x="728" y="75"/>
                    </a:lnTo>
                    <a:close/>
                    <a:moveTo>
                      <a:pt x="730" y="19"/>
                    </a:moveTo>
                    <a:lnTo>
                      <a:pt x="730" y="58"/>
                    </a:lnTo>
                    <a:lnTo>
                      <a:pt x="717" y="58"/>
                    </a:lnTo>
                    <a:lnTo>
                      <a:pt x="688" y="19"/>
                    </a:lnTo>
                    <a:lnTo>
                      <a:pt x="730" y="19"/>
                    </a:lnTo>
                    <a:close/>
                    <a:moveTo>
                      <a:pt x="684" y="23"/>
                    </a:moveTo>
                    <a:lnTo>
                      <a:pt x="711" y="58"/>
                    </a:lnTo>
                    <a:lnTo>
                      <a:pt x="657" y="58"/>
                    </a:lnTo>
                    <a:lnTo>
                      <a:pt x="684" y="23"/>
                    </a:lnTo>
                    <a:close/>
                    <a:moveTo>
                      <a:pt x="653" y="62"/>
                    </a:moveTo>
                    <a:lnTo>
                      <a:pt x="715" y="62"/>
                    </a:lnTo>
                    <a:lnTo>
                      <a:pt x="723" y="75"/>
                    </a:lnTo>
                    <a:lnTo>
                      <a:pt x="643" y="75"/>
                    </a:lnTo>
                    <a:lnTo>
                      <a:pt x="653" y="62"/>
                    </a:lnTo>
                    <a:close/>
                    <a:moveTo>
                      <a:pt x="618" y="62"/>
                    </a:moveTo>
                    <a:lnTo>
                      <a:pt x="645" y="62"/>
                    </a:lnTo>
                    <a:lnTo>
                      <a:pt x="636" y="75"/>
                    </a:lnTo>
                    <a:lnTo>
                      <a:pt x="618" y="75"/>
                    </a:lnTo>
                    <a:lnTo>
                      <a:pt x="618" y="62"/>
                    </a:lnTo>
                    <a:close/>
                    <a:moveTo>
                      <a:pt x="620" y="79"/>
                    </a:moveTo>
                    <a:lnTo>
                      <a:pt x="634" y="79"/>
                    </a:lnTo>
                    <a:lnTo>
                      <a:pt x="630" y="83"/>
                    </a:lnTo>
                    <a:lnTo>
                      <a:pt x="630" y="83"/>
                    </a:lnTo>
                    <a:lnTo>
                      <a:pt x="630" y="83"/>
                    </a:lnTo>
                    <a:lnTo>
                      <a:pt x="620" y="83"/>
                    </a:lnTo>
                    <a:lnTo>
                      <a:pt x="620" y="79"/>
                    </a:lnTo>
                    <a:close/>
                    <a:moveTo>
                      <a:pt x="618" y="220"/>
                    </a:moveTo>
                    <a:lnTo>
                      <a:pt x="618" y="184"/>
                    </a:lnTo>
                    <a:lnTo>
                      <a:pt x="618" y="135"/>
                    </a:lnTo>
                    <a:lnTo>
                      <a:pt x="618" y="89"/>
                    </a:lnTo>
                    <a:lnTo>
                      <a:pt x="628" y="89"/>
                    </a:lnTo>
                    <a:lnTo>
                      <a:pt x="726" y="176"/>
                    </a:lnTo>
                    <a:lnTo>
                      <a:pt x="618" y="220"/>
                    </a:lnTo>
                    <a:close/>
                    <a:moveTo>
                      <a:pt x="636" y="89"/>
                    </a:moveTo>
                    <a:lnTo>
                      <a:pt x="730" y="89"/>
                    </a:lnTo>
                    <a:lnTo>
                      <a:pt x="730" y="172"/>
                    </a:lnTo>
                    <a:lnTo>
                      <a:pt x="636" y="89"/>
                    </a:lnTo>
                    <a:close/>
                    <a:moveTo>
                      <a:pt x="740" y="19"/>
                    </a:moveTo>
                    <a:lnTo>
                      <a:pt x="784" y="19"/>
                    </a:lnTo>
                    <a:lnTo>
                      <a:pt x="753" y="58"/>
                    </a:lnTo>
                    <a:lnTo>
                      <a:pt x="740" y="58"/>
                    </a:lnTo>
                    <a:lnTo>
                      <a:pt x="740" y="19"/>
                    </a:lnTo>
                    <a:close/>
                    <a:moveTo>
                      <a:pt x="740" y="62"/>
                    </a:moveTo>
                    <a:lnTo>
                      <a:pt x="750" y="62"/>
                    </a:lnTo>
                    <a:lnTo>
                      <a:pt x="740" y="75"/>
                    </a:lnTo>
                    <a:lnTo>
                      <a:pt x="740" y="75"/>
                    </a:lnTo>
                    <a:lnTo>
                      <a:pt x="740" y="62"/>
                    </a:lnTo>
                    <a:close/>
                    <a:moveTo>
                      <a:pt x="742" y="89"/>
                    </a:moveTo>
                    <a:lnTo>
                      <a:pt x="835" y="89"/>
                    </a:lnTo>
                    <a:lnTo>
                      <a:pt x="835" y="91"/>
                    </a:lnTo>
                    <a:lnTo>
                      <a:pt x="742" y="164"/>
                    </a:lnTo>
                    <a:lnTo>
                      <a:pt x="742" y="89"/>
                    </a:lnTo>
                    <a:close/>
                    <a:moveTo>
                      <a:pt x="742" y="170"/>
                    </a:moveTo>
                    <a:lnTo>
                      <a:pt x="833" y="99"/>
                    </a:lnTo>
                    <a:lnTo>
                      <a:pt x="833" y="131"/>
                    </a:lnTo>
                    <a:lnTo>
                      <a:pt x="833" y="131"/>
                    </a:lnTo>
                    <a:lnTo>
                      <a:pt x="742" y="170"/>
                    </a:lnTo>
                    <a:close/>
                    <a:moveTo>
                      <a:pt x="842" y="19"/>
                    </a:moveTo>
                    <a:lnTo>
                      <a:pt x="889" y="19"/>
                    </a:lnTo>
                    <a:lnTo>
                      <a:pt x="860" y="58"/>
                    </a:lnTo>
                    <a:lnTo>
                      <a:pt x="842" y="58"/>
                    </a:lnTo>
                    <a:lnTo>
                      <a:pt x="842" y="19"/>
                    </a:lnTo>
                    <a:close/>
                    <a:moveTo>
                      <a:pt x="856" y="62"/>
                    </a:moveTo>
                    <a:lnTo>
                      <a:pt x="846" y="75"/>
                    </a:lnTo>
                    <a:lnTo>
                      <a:pt x="842" y="75"/>
                    </a:lnTo>
                    <a:lnTo>
                      <a:pt x="842" y="62"/>
                    </a:lnTo>
                    <a:lnTo>
                      <a:pt x="856" y="62"/>
                    </a:lnTo>
                    <a:close/>
                    <a:moveTo>
                      <a:pt x="842" y="128"/>
                    </a:moveTo>
                    <a:lnTo>
                      <a:pt x="842" y="89"/>
                    </a:lnTo>
                    <a:lnTo>
                      <a:pt x="844" y="89"/>
                    </a:lnTo>
                    <a:lnTo>
                      <a:pt x="842" y="89"/>
                    </a:lnTo>
                    <a:lnTo>
                      <a:pt x="935" y="89"/>
                    </a:lnTo>
                    <a:lnTo>
                      <a:pt x="842" y="128"/>
                    </a:lnTo>
                    <a:close/>
                    <a:moveTo>
                      <a:pt x="935" y="83"/>
                    </a:moveTo>
                    <a:lnTo>
                      <a:pt x="844" y="83"/>
                    </a:lnTo>
                    <a:lnTo>
                      <a:pt x="848" y="79"/>
                    </a:lnTo>
                    <a:lnTo>
                      <a:pt x="935" y="79"/>
                    </a:lnTo>
                    <a:lnTo>
                      <a:pt x="935" y="83"/>
                    </a:lnTo>
                    <a:close/>
                    <a:moveTo>
                      <a:pt x="989" y="19"/>
                    </a:moveTo>
                    <a:lnTo>
                      <a:pt x="958" y="58"/>
                    </a:lnTo>
                    <a:lnTo>
                      <a:pt x="947" y="58"/>
                    </a:lnTo>
                    <a:lnTo>
                      <a:pt x="947" y="19"/>
                    </a:lnTo>
                    <a:lnTo>
                      <a:pt x="989" y="19"/>
                    </a:lnTo>
                    <a:close/>
                    <a:moveTo>
                      <a:pt x="954" y="62"/>
                    </a:moveTo>
                    <a:lnTo>
                      <a:pt x="947" y="73"/>
                    </a:lnTo>
                    <a:lnTo>
                      <a:pt x="947" y="62"/>
                    </a:lnTo>
                    <a:lnTo>
                      <a:pt x="954" y="62"/>
                    </a:lnTo>
                    <a:close/>
                    <a:moveTo>
                      <a:pt x="997" y="83"/>
                    </a:moveTo>
                    <a:lnTo>
                      <a:pt x="947" y="83"/>
                    </a:lnTo>
                    <a:lnTo>
                      <a:pt x="947" y="83"/>
                    </a:lnTo>
                    <a:lnTo>
                      <a:pt x="947" y="83"/>
                    </a:lnTo>
                    <a:lnTo>
                      <a:pt x="947" y="81"/>
                    </a:lnTo>
                    <a:lnTo>
                      <a:pt x="947" y="79"/>
                    </a:lnTo>
                    <a:lnTo>
                      <a:pt x="997" y="79"/>
                    </a:lnTo>
                    <a:lnTo>
                      <a:pt x="997" y="83"/>
                    </a:lnTo>
                    <a:close/>
                    <a:moveTo>
                      <a:pt x="1010" y="83"/>
                    </a:moveTo>
                    <a:lnTo>
                      <a:pt x="1008" y="83"/>
                    </a:lnTo>
                    <a:lnTo>
                      <a:pt x="1008" y="79"/>
                    </a:lnTo>
                    <a:lnTo>
                      <a:pt x="1012" y="79"/>
                    </a:lnTo>
                    <a:lnTo>
                      <a:pt x="1010" y="83"/>
                    </a:lnTo>
                    <a:close/>
                    <a:moveTo>
                      <a:pt x="1016" y="73"/>
                    </a:moveTo>
                    <a:lnTo>
                      <a:pt x="1008" y="73"/>
                    </a:lnTo>
                    <a:lnTo>
                      <a:pt x="1008" y="62"/>
                    </a:lnTo>
                    <a:lnTo>
                      <a:pt x="1026" y="62"/>
                    </a:lnTo>
                    <a:lnTo>
                      <a:pt x="1016" y="73"/>
                    </a:lnTo>
                    <a:close/>
                    <a:moveTo>
                      <a:pt x="1008" y="58"/>
                    </a:moveTo>
                    <a:lnTo>
                      <a:pt x="1008" y="19"/>
                    </a:lnTo>
                    <a:lnTo>
                      <a:pt x="1061" y="19"/>
                    </a:lnTo>
                    <a:lnTo>
                      <a:pt x="1030" y="58"/>
                    </a:lnTo>
                    <a:lnTo>
                      <a:pt x="1008" y="58"/>
                    </a:lnTo>
                    <a:close/>
                  </a:path>
                </a:pathLst>
              </a:custGeom>
              <a:solidFill>
                <a:schemeClr val="bg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36005" tIns="18002" rIns="36005" bIns="18002"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endParaRPr>
              </a:p>
            </p:txBody>
          </p:sp>
        </p:grpSp>
        <p:sp>
          <p:nvSpPr>
            <p:cNvPr id="76" name="Oval 75">
              <a:extLst>
                <a:ext uri="{FF2B5EF4-FFF2-40B4-BE49-F238E27FC236}">
                  <a16:creationId xmlns:a16="http://schemas.microsoft.com/office/drawing/2014/main" id="{05C975A6-B8CF-4EAB-899B-9D8EB5D2F541}"/>
                </a:ext>
              </a:extLst>
            </p:cNvPr>
            <p:cNvSpPr/>
            <p:nvPr/>
          </p:nvSpPr>
          <p:spPr>
            <a:xfrm>
              <a:off x="2502720" y="4815499"/>
              <a:ext cx="90000" cy="90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60"/>
                </a:spcBef>
                <a:spcAft>
                  <a:spcPts val="600"/>
                </a:spcAft>
                <a:buClrTx/>
                <a:buSzTx/>
                <a:buFontTx/>
                <a:buNone/>
                <a:tabLst/>
                <a:defRPr/>
              </a:pPr>
              <a:endParaRPr kumimoji="0" lang="da-DK" sz="20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endParaRPr>
            </a:p>
          </p:txBody>
        </p:sp>
        <p:cxnSp>
          <p:nvCxnSpPr>
            <p:cNvPr id="77" name="Straight Connector 76">
              <a:extLst>
                <a:ext uri="{FF2B5EF4-FFF2-40B4-BE49-F238E27FC236}">
                  <a16:creationId xmlns:a16="http://schemas.microsoft.com/office/drawing/2014/main" id="{A178FAE6-CDD6-452B-95F2-8211085A3487}"/>
                </a:ext>
              </a:extLst>
            </p:cNvPr>
            <p:cNvCxnSpPr>
              <a:cxnSpLocks/>
              <a:stCxn id="76" idx="1"/>
              <a:endCxn id="78" idx="2"/>
            </p:cNvCxnSpPr>
            <p:nvPr/>
          </p:nvCxnSpPr>
          <p:spPr>
            <a:xfrm flipH="1" flipV="1">
              <a:off x="1768957" y="4066322"/>
              <a:ext cx="746943" cy="762357"/>
            </a:xfrm>
            <a:prstGeom prst="line">
              <a:avLst/>
            </a:prstGeom>
            <a:ln>
              <a:solidFill>
                <a:schemeClr val="accent2"/>
              </a:solidFill>
              <a:prstDash val="dash"/>
            </a:ln>
          </p:spPr>
          <p:style>
            <a:lnRef idx="1">
              <a:schemeClr val="accent1"/>
            </a:lnRef>
            <a:fillRef idx="0">
              <a:schemeClr val="accent1"/>
            </a:fillRef>
            <a:effectRef idx="0">
              <a:schemeClr val="accent1"/>
            </a:effectRef>
            <a:fontRef idx="minor">
              <a:schemeClr val="tx1"/>
            </a:fontRef>
          </p:style>
        </p:cxnSp>
        <p:sp>
          <p:nvSpPr>
            <p:cNvPr id="78" name="Rectangle 77">
              <a:extLst>
                <a:ext uri="{FF2B5EF4-FFF2-40B4-BE49-F238E27FC236}">
                  <a16:creationId xmlns:a16="http://schemas.microsoft.com/office/drawing/2014/main" id="{E12C95D1-632E-488C-9C1D-BC7A16A8370B}"/>
                </a:ext>
              </a:extLst>
            </p:cNvPr>
            <p:cNvSpPr/>
            <p:nvPr/>
          </p:nvSpPr>
          <p:spPr>
            <a:xfrm>
              <a:off x="1005798" y="3606562"/>
              <a:ext cx="1526318" cy="459760"/>
            </a:xfrm>
            <a:prstGeom prst="rect">
              <a:avLst/>
            </a:prstGeom>
            <a:solidFill>
              <a:schemeClr val="accent2">
                <a:alpha val="6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60"/>
                </a:spcBef>
                <a:spcAft>
                  <a:spcPts val="600"/>
                </a:spcAft>
                <a:buClrTx/>
                <a:buSzTx/>
                <a:buFontTx/>
                <a:buNone/>
                <a:tabLst/>
                <a:defRPr/>
              </a:pPr>
              <a:r>
                <a:rPr kumimoji="0" lang="en-US" sz="900" b="0" i="0" u="none" strike="noStrike" kern="1200" cap="none" spc="0" normalizeH="0" baseline="0" noProof="0" err="1">
                  <a:ln>
                    <a:noFill/>
                  </a:ln>
                  <a:solidFill>
                    <a:prstClr val="white"/>
                  </a:solidFill>
                  <a:effectLst/>
                  <a:uLnTx/>
                  <a:uFillTx/>
                  <a:latin typeface="Maersk Text Light" panose="00000400000000000000" pitchFamily="50" charset="0"/>
                  <a:ea typeface="+mn-ea"/>
                  <a:cs typeface="+mn-cs"/>
                </a:rPr>
                <a:t>Optimising</a:t>
              </a:r>
              <a:r>
                <a:rPr kumimoji="0" lang="en-US" sz="9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rPr>
                <a:t> plug and abandonment activities</a:t>
              </a:r>
              <a:endParaRPr kumimoji="0" lang="da-DK" sz="9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endParaRPr>
            </a:p>
          </p:txBody>
        </p:sp>
        <p:cxnSp>
          <p:nvCxnSpPr>
            <p:cNvPr id="80" name="Straight Connector 79">
              <a:extLst>
                <a:ext uri="{FF2B5EF4-FFF2-40B4-BE49-F238E27FC236}">
                  <a16:creationId xmlns:a16="http://schemas.microsoft.com/office/drawing/2014/main" id="{47733FE3-E517-4889-95AF-B42D744AD093}"/>
                </a:ext>
              </a:extLst>
            </p:cNvPr>
            <p:cNvCxnSpPr>
              <a:cxnSpLocks/>
            </p:cNvCxnSpPr>
            <p:nvPr/>
          </p:nvCxnSpPr>
          <p:spPr>
            <a:xfrm flipV="1">
              <a:off x="8645845" y="3212044"/>
              <a:ext cx="1382406" cy="80715"/>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BF5F68BE-EBA4-4AFF-B354-83BCFFE76846}"/>
                </a:ext>
              </a:extLst>
            </p:cNvPr>
            <p:cNvCxnSpPr>
              <a:cxnSpLocks/>
            </p:cNvCxnSpPr>
            <p:nvPr/>
          </p:nvCxnSpPr>
          <p:spPr>
            <a:xfrm flipV="1">
              <a:off x="8663781" y="3250132"/>
              <a:ext cx="1728164" cy="42627"/>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sp>
          <p:nvSpPr>
            <p:cNvPr id="82" name="Oval 81">
              <a:extLst>
                <a:ext uri="{FF2B5EF4-FFF2-40B4-BE49-F238E27FC236}">
                  <a16:creationId xmlns:a16="http://schemas.microsoft.com/office/drawing/2014/main" id="{2A416043-395A-4628-A899-7182EB7862ED}"/>
                </a:ext>
              </a:extLst>
            </p:cNvPr>
            <p:cNvSpPr/>
            <p:nvPr/>
          </p:nvSpPr>
          <p:spPr>
            <a:xfrm>
              <a:off x="9219895" y="3410233"/>
              <a:ext cx="90000" cy="90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60"/>
                </a:spcBef>
                <a:spcAft>
                  <a:spcPts val="600"/>
                </a:spcAft>
                <a:buClrTx/>
                <a:buSzTx/>
                <a:buFontTx/>
                <a:buNone/>
                <a:tabLst/>
                <a:defRPr/>
              </a:pPr>
              <a:endParaRPr kumimoji="0" lang="da-DK" sz="20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endParaRPr>
            </a:p>
          </p:txBody>
        </p:sp>
        <p:cxnSp>
          <p:nvCxnSpPr>
            <p:cNvPr id="83" name="Straight Connector 82">
              <a:extLst>
                <a:ext uri="{FF2B5EF4-FFF2-40B4-BE49-F238E27FC236}">
                  <a16:creationId xmlns:a16="http://schemas.microsoft.com/office/drawing/2014/main" id="{D9E4257E-2236-4BAC-88B4-4E137D5B656A}"/>
                </a:ext>
              </a:extLst>
            </p:cNvPr>
            <p:cNvCxnSpPr>
              <a:cxnSpLocks/>
              <a:stCxn id="82" idx="5"/>
              <a:endCxn id="84" idx="0"/>
            </p:cNvCxnSpPr>
            <p:nvPr/>
          </p:nvCxnSpPr>
          <p:spPr>
            <a:xfrm>
              <a:off x="9296715" y="3487053"/>
              <a:ext cx="402269" cy="509222"/>
            </a:xfrm>
            <a:prstGeom prst="line">
              <a:avLst/>
            </a:prstGeom>
            <a:ln>
              <a:solidFill>
                <a:schemeClr val="accent2"/>
              </a:solidFill>
              <a:prstDash val="dash"/>
            </a:ln>
          </p:spPr>
          <p:style>
            <a:lnRef idx="1">
              <a:schemeClr val="accent1"/>
            </a:lnRef>
            <a:fillRef idx="0">
              <a:schemeClr val="accent1"/>
            </a:fillRef>
            <a:effectRef idx="0">
              <a:schemeClr val="accent1"/>
            </a:effectRef>
            <a:fontRef idx="minor">
              <a:schemeClr val="tx1"/>
            </a:fontRef>
          </p:style>
        </p:cxnSp>
        <p:sp>
          <p:nvSpPr>
            <p:cNvPr id="84" name="Rectangle 83">
              <a:extLst>
                <a:ext uri="{FF2B5EF4-FFF2-40B4-BE49-F238E27FC236}">
                  <a16:creationId xmlns:a16="http://schemas.microsoft.com/office/drawing/2014/main" id="{F2A3D748-9735-4F0C-B085-3A3EC97E9D71}"/>
                </a:ext>
              </a:extLst>
            </p:cNvPr>
            <p:cNvSpPr/>
            <p:nvPr/>
          </p:nvSpPr>
          <p:spPr>
            <a:xfrm>
              <a:off x="8917497" y="3996275"/>
              <a:ext cx="1562974" cy="459760"/>
            </a:xfrm>
            <a:prstGeom prst="rect">
              <a:avLst/>
            </a:prstGeom>
            <a:solidFill>
              <a:schemeClr val="accent2">
                <a:alpha val="6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60"/>
                </a:spcBef>
                <a:spcAft>
                  <a:spcPts val="600"/>
                </a:spcAft>
                <a:buClrTx/>
                <a:buSzTx/>
                <a:buFontTx/>
                <a:buNone/>
                <a:tabLst/>
                <a:defRPr/>
              </a:pPr>
              <a:r>
                <a:rPr kumimoji="0" lang="en-US" sz="900" b="0" i="0" u="none" strike="noStrike" kern="1200" cap="none" spc="0" normalizeH="0" baseline="0" noProof="0" err="1">
                  <a:ln>
                    <a:noFill/>
                  </a:ln>
                  <a:solidFill>
                    <a:prstClr val="white"/>
                  </a:solidFill>
                  <a:effectLst/>
                  <a:uLnTx/>
                  <a:uFillTx/>
                  <a:latin typeface="Maersk Text Light" panose="00000400000000000000" pitchFamily="50" charset="0"/>
                  <a:ea typeface="+mn-ea"/>
                  <a:cs typeface="+mn-cs"/>
                </a:rPr>
                <a:t>Maximising</a:t>
              </a:r>
              <a:r>
                <a:rPr kumimoji="0" lang="en-US" sz="9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rPr>
                <a:t> efficiency in infrastructure removal</a:t>
              </a:r>
              <a:endParaRPr kumimoji="0" lang="da-DK" sz="9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endParaRPr>
            </a:p>
          </p:txBody>
        </p:sp>
        <p:pic>
          <p:nvPicPr>
            <p:cNvPr id="85" name="Picture 84">
              <a:extLst>
                <a:ext uri="{FF2B5EF4-FFF2-40B4-BE49-F238E27FC236}">
                  <a16:creationId xmlns:a16="http://schemas.microsoft.com/office/drawing/2014/main" id="{761848E0-44DF-4145-A42D-F4B794C55687}"/>
                </a:ext>
              </a:extLst>
            </p:cNvPr>
            <p:cNvPicPr>
              <a:picLocks noChangeAspect="1"/>
            </p:cNvPicPr>
            <p:nvPr/>
          </p:nvPicPr>
          <p:blipFill>
            <a:blip r:embed="rId5" cstate="print">
              <a:duotone>
                <a:schemeClr val="bg2">
                  <a:shade val="45000"/>
                  <a:satMod val="135000"/>
                </a:schemeClr>
                <a:prstClr val="white"/>
              </a:duotone>
              <a:extLst>
                <a:ext uri="{BEBA8EAE-BF5A-486C-A8C5-ECC9F3942E4B}">
                  <a14:imgProps xmlns:a14="http://schemas.microsoft.com/office/drawing/2010/main">
                    <a14:imgLayer r:embed="rId6">
                      <a14:imgEffect>
                        <a14:brightnessContrast bright="-40000" contrast="20000"/>
                      </a14:imgEffect>
                    </a14:imgLayer>
                  </a14:imgProps>
                </a:ext>
                <a:ext uri="{28A0092B-C50C-407E-A947-70E740481C1C}">
                  <a14:useLocalDpi xmlns:a14="http://schemas.microsoft.com/office/drawing/2010/main" val="0"/>
                </a:ext>
              </a:extLst>
            </a:blip>
            <a:stretch>
              <a:fillRect/>
            </a:stretch>
          </p:blipFill>
          <p:spPr>
            <a:xfrm>
              <a:off x="9719177" y="2851746"/>
              <a:ext cx="618149" cy="618149"/>
            </a:xfrm>
            <a:prstGeom prst="rect">
              <a:avLst/>
            </a:prstGeom>
          </p:spPr>
        </p:pic>
        <p:pic>
          <p:nvPicPr>
            <p:cNvPr id="86" name="Picture 85">
              <a:extLst>
                <a:ext uri="{FF2B5EF4-FFF2-40B4-BE49-F238E27FC236}">
                  <a16:creationId xmlns:a16="http://schemas.microsoft.com/office/drawing/2014/main" id="{6EB9273F-AD7C-41C7-89D3-95FC661D7419}"/>
                </a:ext>
              </a:extLst>
            </p:cNvPr>
            <p:cNvPicPr>
              <a:picLocks noChangeAspect="1"/>
            </p:cNvPicPr>
            <p:nvPr/>
          </p:nvPicPr>
          <p:blipFill>
            <a:blip r:embed="rId5" cstate="print">
              <a:duotone>
                <a:schemeClr val="bg2">
                  <a:shade val="45000"/>
                  <a:satMod val="135000"/>
                </a:schemeClr>
                <a:prstClr val="white"/>
              </a:duotone>
              <a:extLst>
                <a:ext uri="{BEBA8EAE-BF5A-486C-A8C5-ECC9F3942E4B}">
                  <a14:imgProps xmlns:a14="http://schemas.microsoft.com/office/drawing/2010/main">
                    <a14:imgLayer r:embed="rId6">
                      <a14:imgEffect>
                        <a14:brightnessContrast bright="-40000" contrast="20000"/>
                      </a14:imgEffect>
                    </a14:imgLayer>
                  </a14:imgProps>
                </a:ext>
                <a:ext uri="{28A0092B-C50C-407E-A947-70E740481C1C}">
                  <a14:useLocalDpi xmlns:a14="http://schemas.microsoft.com/office/drawing/2010/main" val="0"/>
                </a:ext>
              </a:extLst>
            </a:blip>
            <a:stretch>
              <a:fillRect/>
            </a:stretch>
          </p:blipFill>
          <p:spPr>
            <a:xfrm>
              <a:off x="10082871" y="2892436"/>
              <a:ext cx="618149" cy="618149"/>
            </a:xfrm>
            <a:prstGeom prst="rect">
              <a:avLst/>
            </a:prstGeom>
          </p:spPr>
        </p:pic>
        <p:sp>
          <p:nvSpPr>
            <p:cNvPr id="87" name="Freeform: Shape 86">
              <a:extLst>
                <a:ext uri="{FF2B5EF4-FFF2-40B4-BE49-F238E27FC236}">
                  <a16:creationId xmlns:a16="http://schemas.microsoft.com/office/drawing/2014/main" id="{205CCB3B-E306-4DB7-A6AE-86EFA33B42CA}"/>
                </a:ext>
              </a:extLst>
            </p:cNvPr>
            <p:cNvSpPr/>
            <p:nvPr/>
          </p:nvSpPr>
          <p:spPr>
            <a:xfrm>
              <a:off x="4059318" y="3217931"/>
              <a:ext cx="1737547" cy="1942232"/>
            </a:xfrm>
            <a:custGeom>
              <a:avLst/>
              <a:gdLst>
                <a:gd name="connsiteX0" fmla="*/ 1711354 w 1711354"/>
                <a:gd name="connsiteY0" fmla="*/ 151784 h 2131586"/>
                <a:gd name="connsiteX1" fmla="*/ 1208015 w 1711354"/>
                <a:gd name="connsiteY1" fmla="*/ 160173 h 2131586"/>
                <a:gd name="connsiteX2" fmla="*/ 998290 w 1711354"/>
                <a:gd name="connsiteY2" fmla="*/ 1796026 h 2131586"/>
                <a:gd name="connsiteX3" fmla="*/ 0 w 1711354"/>
                <a:gd name="connsiteY3" fmla="*/ 2131586 h 2131586"/>
                <a:gd name="connsiteX0" fmla="*/ 1711354 w 1711354"/>
                <a:gd name="connsiteY0" fmla="*/ 152308 h 2132110"/>
                <a:gd name="connsiteX1" fmla="*/ 1468073 w 1711354"/>
                <a:gd name="connsiteY1" fmla="*/ 60029 h 2132110"/>
                <a:gd name="connsiteX2" fmla="*/ 1208015 w 1711354"/>
                <a:gd name="connsiteY2" fmla="*/ 160697 h 2132110"/>
                <a:gd name="connsiteX3" fmla="*/ 998290 w 1711354"/>
                <a:gd name="connsiteY3" fmla="*/ 1796550 h 2132110"/>
                <a:gd name="connsiteX4" fmla="*/ 0 w 1711354"/>
                <a:gd name="connsiteY4" fmla="*/ 2132110 h 2132110"/>
                <a:gd name="connsiteX0" fmla="*/ 1711354 w 1711354"/>
                <a:gd name="connsiteY0" fmla="*/ 132601 h 2112403"/>
                <a:gd name="connsiteX1" fmla="*/ 1468073 w 1711354"/>
                <a:gd name="connsiteY1" fmla="*/ 40322 h 2112403"/>
                <a:gd name="connsiteX2" fmla="*/ 1208015 w 1711354"/>
                <a:gd name="connsiteY2" fmla="*/ 140990 h 2112403"/>
                <a:gd name="connsiteX3" fmla="*/ 998290 w 1711354"/>
                <a:gd name="connsiteY3" fmla="*/ 1776843 h 2112403"/>
                <a:gd name="connsiteX4" fmla="*/ 0 w 1711354"/>
                <a:gd name="connsiteY4" fmla="*/ 2112403 h 2112403"/>
                <a:gd name="connsiteX0" fmla="*/ 1711354 w 1711354"/>
                <a:gd name="connsiteY0" fmla="*/ 115221 h 2095023"/>
                <a:gd name="connsiteX1" fmla="*/ 1208015 w 1711354"/>
                <a:gd name="connsiteY1" fmla="*/ 123610 h 2095023"/>
                <a:gd name="connsiteX2" fmla="*/ 998290 w 1711354"/>
                <a:gd name="connsiteY2" fmla="*/ 1759463 h 2095023"/>
                <a:gd name="connsiteX3" fmla="*/ 0 w 1711354"/>
                <a:gd name="connsiteY3" fmla="*/ 2095023 h 2095023"/>
                <a:gd name="connsiteX0" fmla="*/ 1711354 w 1711354"/>
                <a:gd name="connsiteY0" fmla="*/ 0 h 1979802"/>
                <a:gd name="connsiteX1" fmla="*/ 1208015 w 1711354"/>
                <a:gd name="connsiteY1" fmla="*/ 8389 h 1979802"/>
                <a:gd name="connsiteX2" fmla="*/ 998290 w 1711354"/>
                <a:gd name="connsiteY2" fmla="*/ 1644242 h 1979802"/>
                <a:gd name="connsiteX3" fmla="*/ 0 w 1711354"/>
                <a:gd name="connsiteY3" fmla="*/ 1979802 h 1979802"/>
                <a:gd name="connsiteX0" fmla="*/ 1711354 w 1711354"/>
                <a:gd name="connsiteY0" fmla="*/ 0 h 1979802"/>
                <a:gd name="connsiteX1" fmla="*/ 1272308 w 1711354"/>
                <a:gd name="connsiteY1" fmla="*/ 39346 h 1979802"/>
                <a:gd name="connsiteX2" fmla="*/ 998290 w 1711354"/>
                <a:gd name="connsiteY2" fmla="*/ 1644242 h 1979802"/>
                <a:gd name="connsiteX3" fmla="*/ 0 w 1711354"/>
                <a:gd name="connsiteY3" fmla="*/ 1979802 h 1979802"/>
                <a:gd name="connsiteX0" fmla="*/ 1725641 w 1725641"/>
                <a:gd name="connsiteY0" fmla="*/ 114499 h 2060963"/>
                <a:gd name="connsiteX1" fmla="*/ 1272308 w 1725641"/>
                <a:gd name="connsiteY1" fmla="*/ 120507 h 2060963"/>
                <a:gd name="connsiteX2" fmla="*/ 998290 w 1725641"/>
                <a:gd name="connsiteY2" fmla="*/ 1725403 h 2060963"/>
                <a:gd name="connsiteX3" fmla="*/ 0 w 1725641"/>
                <a:gd name="connsiteY3" fmla="*/ 2060963 h 2060963"/>
                <a:gd name="connsiteX0" fmla="*/ 1725641 w 1725641"/>
                <a:gd name="connsiteY0" fmla="*/ 0 h 1946464"/>
                <a:gd name="connsiteX1" fmla="*/ 1272308 w 1725641"/>
                <a:gd name="connsiteY1" fmla="*/ 6008 h 1946464"/>
                <a:gd name="connsiteX2" fmla="*/ 998290 w 1725641"/>
                <a:gd name="connsiteY2" fmla="*/ 1610904 h 1946464"/>
                <a:gd name="connsiteX3" fmla="*/ 0 w 1725641"/>
                <a:gd name="connsiteY3" fmla="*/ 1946464 h 1946464"/>
                <a:gd name="connsiteX0" fmla="*/ 1725641 w 1725641"/>
                <a:gd name="connsiteY0" fmla="*/ 0 h 1946464"/>
                <a:gd name="connsiteX1" fmla="*/ 1272308 w 1725641"/>
                <a:gd name="connsiteY1" fmla="*/ 6008 h 1946464"/>
                <a:gd name="connsiteX2" fmla="*/ 998290 w 1725641"/>
                <a:gd name="connsiteY2" fmla="*/ 1610904 h 1946464"/>
                <a:gd name="connsiteX3" fmla="*/ 0 w 1725641"/>
                <a:gd name="connsiteY3" fmla="*/ 1946464 h 1946464"/>
                <a:gd name="connsiteX0" fmla="*/ 1737547 w 1737547"/>
                <a:gd name="connsiteY0" fmla="*/ 0 h 1920270"/>
                <a:gd name="connsiteX1" fmla="*/ 1284214 w 1737547"/>
                <a:gd name="connsiteY1" fmla="*/ 6008 h 1920270"/>
                <a:gd name="connsiteX2" fmla="*/ 1010196 w 1737547"/>
                <a:gd name="connsiteY2" fmla="*/ 1610904 h 1920270"/>
                <a:gd name="connsiteX3" fmla="*/ 0 w 1737547"/>
                <a:gd name="connsiteY3" fmla="*/ 1920270 h 1920270"/>
                <a:gd name="connsiteX0" fmla="*/ 1737547 w 1737547"/>
                <a:gd name="connsiteY0" fmla="*/ 0 h 1920270"/>
                <a:gd name="connsiteX1" fmla="*/ 1284214 w 1737547"/>
                <a:gd name="connsiteY1" fmla="*/ 6008 h 1920270"/>
                <a:gd name="connsiteX2" fmla="*/ 1010196 w 1737547"/>
                <a:gd name="connsiteY2" fmla="*/ 1610904 h 1920270"/>
                <a:gd name="connsiteX3" fmla="*/ 0 w 1737547"/>
                <a:gd name="connsiteY3" fmla="*/ 1920270 h 1920270"/>
              </a:gdLst>
              <a:ahLst/>
              <a:cxnLst>
                <a:cxn ang="0">
                  <a:pos x="connsiteX0" y="connsiteY0"/>
                </a:cxn>
                <a:cxn ang="0">
                  <a:pos x="connsiteX1" y="connsiteY1"/>
                </a:cxn>
                <a:cxn ang="0">
                  <a:pos x="connsiteX2" y="connsiteY2"/>
                </a:cxn>
                <a:cxn ang="0">
                  <a:pos x="connsiteX3" y="connsiteY3"/>
                </a:cxn>
              </a:cxnLst>
              <a:rect l="l" t="t" r="r" b="b"/>
              <a:pathLst>
                <a:path w="1737547" h="1920270">
                  <a:moveTo>
                    <a:pt x="1737547" y="0"/>
                  </a:moveTo>
                  <a:cubicBezTo>
                    <a:pt x="1632685" y="1748"/>
                    <a:pt x="1595939" y="35180"/>
                    <a:pt x="1284214" y="6008"/>
                  </a:cubicBezTo>
                  <a:cubicBezTo>
                    <a:pt x="972489" y="-23164"/>
                    <a:pt x="1224232" y="1291860"/>
                    <a:pt x="1010196" y="1610904"/>
                  </a:cubicBezTo>
                  <a:cubicBezTo>
                    <a:pt x="796160" y="1929948"/>
                    <a:pt x="180341" y="1897114"/>
                    <a:pt x="0" y="1920270"/>
                  </a:cubicBezTo>
                </a:path>
              </a:pathLst>
            </a:custGeom>
            <a:no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20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endParaRPr>
            </a:p>
          </p:txBody>
        </p:sp>
        <p:sp>
          <p:nvSpPr>
            <p:cNvPr id="88" name="Freeform 5">
              <a:extLst>
                <a:ext uri="{FF2B5EF4-FFF2-40B4-BE49-F238E27FC236}">
                  <a16:creationId xmlns:a16="http://schemas.microsoft.com/office/drawing/2014/main" id="{B3D9C21D-68D1-4DA5-9861-3712756937AA}"/>
                </a:ext>
              </a:extLst>
            </p:cNvPr>
            <p:cNvSpPr>
              <a:spLocks/>
            </p:cNvSpPr>
            <p:nvPr/>
          </p:nvSpPr>
          <p:spPr bwMode="auto">
            <a:xfrm>
              <a:off x="146463" y="4805380"/>
              <a:ext cx="11899357" cy="1542804"/>
            </a:xfrm>
            <a:custGeom>
              <a:avLst/>
              <a:gdLst>
                <a:gd name="T0" fmla="*/ 0 w 5624"/>
                <a:gd name="T1" fmla="*/ 572 h 2324"/>
                <a:gd name="T2" fmla="*/ 0 w 5624"/>
                <a:gd name="T3" fmla="*/ 572 h 2324"/>
                <a:gd name="T4" fmla="*/ 136 w 5624"/>
                <a:gd name="T5" fmla="*/ 572 h 2324"/>
                <a:gd name="T6" fmla="*/ 269 w 5624"/>
                <a:gd name="T7" fmla="*/ 569 h 2324"/>
                <a:gd name="T8" fmla="*/ 402 w 5624"/>
                <a:gd name="T9" fmla="*/ 568 h 2324"/>
                <a:gd name="T10" fmla="*/ 532 w 5624"/>
                <a:gd name="T11" fmla="*/ 563 h 2324"/>
                <a:gd name="T12" fmla="*/ 661 w 5624"/>
                <a:gd name="T13" fmla="*/ 559 h 2324"/>
                <a:gd name="T14" fmla="*/ 787 w 5624"/>
                <a:gd name="T15" fmla="*/ 554 h 2324"/>
                <a:gd name="T16" fmla="*/ 1033 w 5624"/>
                <a:gd name="T17" fmla="*/ 541 h 2324"/>
                <a:gd name="T18" fmla="*/ 1273 w 5624"/>
                <a:gd name="T19" fmla="*/ 526 h 2324"/>
                <a:gd name="T20" fmla="*/ 1502 w 5624"/>
                <a:gd name="T21" fmla="*/ 509 h 2324"/>
                <a:gd name="T22" fmla="*/ 1724 w 5624"/>
                <a:gd name="T23" fmla="*/ 488 h 2324"/>
                <a:gd name="T24" fmla="*/ 1935 w 5624"/>
                <a:gd name="T25" fmla="*/ 466 h 2324"/>
                <a:gd name="T26" fmla="*/ 2136 w 5624"/>
                <a:gd name="T27" fmla="*/ 442 h 2324"/>
                <a:gd name="T28" fmla="*/ 2327 w 5624"/>
                <a:gd name="T29" fmla="*/ 418 h 2324"/>
                <a:gd name="T30" fmla="*/ 2506 w 5624"/>
                <a:gd name="T31" fmla="*/ 393 h 2324"/>
                <a:gd name="T32" fmla="*/ 2675 w 5624"/>
                <a:gd name="T33" fmla="*/ 368 h 2324"/>
                <a:gd name="T34" fmla="*/ 2830 w 5624"/>
                <a:gd name="T35" fmla="*/ 343 h 2324"/>
                <a:gd name="T36" fmla="*/ 2973 w 5624"/>
                <a:gd name="T37" fmla="*/ 318 h 2324"/>
                <a:gd name="T38" fmla="*/ 3105 w 5624"/>
                <a:gd name="T39" fmla="*/ 293 h 2324"/>
                <a:gd name="T40" fmla="*/ 3222 w 5624"/>
                <a:gd name="T41" fmla="*/ 269 h 2324"/>
                <a:gd name="T42" fmla="*/ 3222 w 5624"/>
                <a:gd name="T43" fmla="*/ 269 h 2324"/>
                <a:gd name="T44" fmla="*/ 3310 w 5624"/>
                <a:gd name="T45" fmla="*/ 251 h 2324"/>
                <a:gd name="T46" fmla="*/ 3400 w 5624"/>
                <a:gd name="T47" fmla="*/ 235 h 2324"/>
                <a:gd name="T48" fmla="*/ 3584 w 5624"/>
                <a:gd name="T49" fmla="*/ 203 h 2324"/>
                <a:gd name="T50" fmla="*/ 3770 w 5624"/>
                <a:gd name="T51" fmla="*/ 173 h 2324"/>
                <a:gd name="T52" fmla="*/ 3958 w 5624"/>
                <a:gd name="T53" fmla="*/ 146 h 2324"/>
                <a:gd name="T54" fmla="*/ 4144 w 5624"/>
                <a:gd name="T55" fmla="*/ 121 h 2324"/>
                <a:gd name="T56" fmla="*/ 4327 w 5624"/>
                <a:gd name="T57" fmla="*/ 101 h 2324"/>
                <a:gd name="T58" fmla="*/ 4508 w 5624"/>
                <a:gd name="T59" fmla="*/ 80 h 2324"/>
                <a:gd name="T60" fmla="*/ 4681 w 5624"/>
                <a:gd name="T61" fmla="*/ 62 h 2324"/>
                <a:gd name="T62" fmla="*/ 4846 w 5624"/>
                <a:gd name="T63" fmla="*/ 47 h 2324"/>
                <a:gd name="T64" fmla="*/ 5003 w 5624"/>
                <a:gd name="T65" fmla="*/ 34 h 2324"/>
                <a:gd name="T66" fmla="*/ 5146 w 5624"/>
                <a:gd name="T67" fmla="*/ 24 h 2324"/>
                <a:gd name="T68" fmla="*/ 5277 w 5624"/>
                <a:gd name="T69" fmla="*/ 15 h 2324"/>
                <a:gd name="T70" fmla="*/ 5390 w 5624"/>
                <a:gd name="T71" fmla="*/ 9 h 2324"/>
                <a:gd name="T72" fmla="*/ 5488 w 5624"/>
                <a:gd name="T73" fmla="*/ 3 h 2324"/>
                <a:gd name="T74" fmla="*/ 5566 w 5624"/>
                <a:gd name="T75" fmla="*/ 0 h 2324"/>
                <a:gd name="T76" fmla="*/ 5624 w 5624"/>
                <a:gd name="T77" fmla="*/ 0 h 2324"/>
                <a:gd name="T78" fmla="*/ 5624 w 5624"/>
                <a:gd name="T79" fmla="*/ 2324 h 2324"/>
                <a:gd name="T80" fmla="*/ 0 w 5624"/>
                <a:gd name="T81" fmla="*/ 2324 h 2324"/>
                <a:gd name="T82" fmla="*/ 0 w 5624"/>
                <a:gd name="T83" fmla="*/ 572 h 23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624" h="2324">
                  <a:moveTo>
                    <a:pt x="0" y="572"/>
                  </a:moveTo>
                  <a:lnTo>
                    <a:pt x="0" y="572"/>
                  </a:lnTo>
                  <a:lnTo>
                    <a:pt x="136" y="572"/>
                  </a:lnTo>
                  <a:lnTo>
                    <a:pt x="269" y="569"/>
                  </a:lnTo>
                  <a:lnTo>
                    <a:pt x="402" y="568"/>
                  </a:lnTo>
                  <a:lnTo>
                    <a:pt x="532" y="563"/>
                  </a:lnTo>
                  <a:lnTo>
                    <a:pt x="661" y="559"/>
                  </a:lnTo>
                  <a:lnTo>
                    <a:pt x="787" y="554"/>
                  </a:lnTo>
                  <a:lnTo>
                    <a:pt x="1033" y="541"/>
                  </a:lnTo>
                  <a:lnTo>
                    <a:pt x="1273" y="526"/>
                  </a:lnTo>
                  <a:lnTo>
                    <a:pt x="1502" y="509"/>
                  </a:lnTo>
                  <a:lnTo>
                    <a:pt x="1724" y="488"/>
                  </a:lnTo>
                  <a:lnTo>
                    <a:pt x="1935" y="466"/>
                  </a:lnTo>
                  <a:lnTo>
                    <a:pt x="2136" y="442"/>
                  </a:lnTo>
                  <a:lnTo>
                    <a:pt x="2327" y="418"/>
                  </a:lnTo>
                  <a:lnTo>
                    <a:pt x="2506" y="393"/>
                  </a:lnTo>
                  <a:lnTo>
                    <a:pt x="2675" y="368"/>
                  </a:lnTo>
                  <a:lnTo>
                    <a:pt x="2830" y="343"/>
                  </a:lnTo>
                  <a:lnTo>
                    <a:pt x="2973" y="318"/>
                  </a:lnTo>
                  <a:lnTo>
                    <a:pt x="3105" y="293"/>
                  </a:lnTo>
                  <a:lnTo>
                    <a:pt x="3222" y="269"/>
                  </a:lnTo>
                  <a:lnTo>
                    <a:pt x="3222" y="269"/>
                  </a:lnTo>
                  <a:lnTo>
                    <a:pt x="3310" y="251"/>
                  </a:lnTo>
                  <a:lnTo>
                    <a:pt x="3400" y="235"/>
                  </a:lnTo>
                  <a:lnTo>
                    <a:pt x="3584" y="203"/>
                  </a:lnTo>
                  <a:lnTo>
                    <a:pt x="3770" y="173"/>
                  </a:lnTo>
                  <a:lnTo>
                    <a:pt x="3958" y="146"/>
                  </a:lnTo>
                  <a:lnTo>
                    <a:pt x="4144" y="121"/>
                  </a:lnTo>
                  <a:lnTo>
                    <a:pt x="4327" y="101"/>
                  </a:lnTo>
                  <a:lnTo>
                    <a:pt x="4508" y="80"/>
                  </a:lnTo>
                  <a:lnTo>
                    <a:pt x="4681" y="62"/>
                  </a:lnTo>
                  <a:lnTo>
                    <a:pt x="4846" y="47"/>
                  </a:lnTo>
                  <a:lnTo>
                    <a:pt x="5003" y="34"/>
                  </a:lnTo>
                  <a:lnTo>
                    <a:pt x="5146" y="24"/>
                  </a:lnTo>
                  <a:lnTo>
                    <a:pt x="5277" y="15"/>
                  </a:lnTo>
                  <a:lnTo>
                    <a:pt x="5390" y="9"/>
                  </a:lnTo>
                  <a:lnTo>
                    <a:pt x="5488" y="3"/>
                  </a:lnTo>
                  <a:lnTo>
                    <a:pt x="5566" y="0"/>
                  </a:lnTo>
                  <a:lnTo>
                    <a:pt x="5624" y="0"/>
                  </a:lnTo>
                  <a:lnTo>
                    <a:pt x="5624" y="2324"/>
                  </a:lnTo>
                  <a:lnTo>
                    <a:pt x="0" y="2324"/>
                  </a:lnTo>
                  <a:lnTo>
                    <a:pt x="0" y="572"/>
                  </a:lnTo>
                  <a:close/>
                </a:path>
              </a:pathLst>
            </a:custGeom>
            <a:gradFill>
              <a:gsLst>
                <a:gs pos="100000">
                  <a:srgbClr val="D4CAB6"/>
                </a:gs>
                <a:gs pos="0">
                  <a:srgbClr val="F3ECDD"/>
                </a:gs>
              </a:gsLst>
              <a:lin ang="5400000" scaled="1"/>
            </a:gradFill>
            <a:ln>
              <a:noFill/>
            </a:ln>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a:ln>
                  <a:noFill/>
                </a:ln>
                <a:solidFill>
                  <a:srgbClr val="000000"/>
                </a:solidFill>
                <a:effectLst/>
                <a:uLnTx/>
                <a:uFillTx/>
                <a:latin typeface="Maersk Text Light" panose="00000400000000000000" pitchFamily="50" charset="0"/>
                <a:ea typeface="+mn-ea"/>
                <a:cs typeface="+mn-cs"/>
              </a:endParaRPr>
            </a:p>
          </p:txBody>
        </p:sp>
        <p:pic>
          <p:nvPicPr>
            <p:cNvPr id="89" name="Picture 88">
              <a:extLst>
                <a:ext uri="{FF2B5EF4-FFF2-40B4-BE49-F238E27FC236}">
                  <a16:creationId xmlns:a16="http://schemas.microsoft.com/office/drawing/2014/main" id="{B93B9F9F-51C4-4DB0-B8AD-8FE4BBA4895C}"/>
                </a:ext>
              </a:extLst>
            </p:cNvPr>
            <p:cNvPicPr>
              <a:picLocks noChangeAspect="1"/>
            </p:cNvPicPr>
            <p:nvPr/>
          </p:nvPicPr>
          <p:blipFill>
            <a:blip r:embed="rId7" cstate="print">
              <a:duotone>
                <a:schemeClr val="bg2">
                  <a:shade val="45000"/>
                  <a:satMod val="135000"/>
                </a:schemeClr>
                <a:prstClr val="white"/>
              </a:duotone>
              <a:extLst>
                <a:ext uri="{BEBA8EAE-BF5A-486C-A8C5-ECC9F3942E4B}">
                  <a14:imgProps xmlns:a14="http://schemas.microsoft.com/office/drawing/2010/main">
                    <a14:imgLayer r:embed="rId8">
                      <a14:imgEffect>
                        <a14:brightnessContrast bright="-40000" contrast="20000"/>
                      </a14:imgEffect>
                    </a14:imgLayer>
                  </a14:imgProps>
                </a:ext>
                <a:ext uri="{28A0092B-C50C-407E-A947-70E740481C1C}">
                  <a14:useLocalDpi xmlns:a14="http://schemas.microsoft.com/office/drawing/2010/main" val="0"/>
                </a:ext>
              </a:extLst>
            </a:blip>
            <a:stretch>
              <a:fillRect/>
            </a:stretch>
          </p:blipFill>
          <p:spPr>
            <a:xfrm flipH="1">
              <a:off x="5269935" y="2550498"/>
              <a:ext cx="1119370" cy="1119370"/>
            </a:xfrm>
            <a:prstGeom prst="rect">
              <a:avLst/>
            </a:prstGeom>
            <a:ln>
              <a:noFill/>
            </a:ln>
          </p:spPr>
        </p:pic>
        <p:sp>
          <p:nvSpPr>
            <p:cNvPr id="90" name="Oval 89">
              <a:extLst>
                <a:ext uri="{FF2B5EF4-FFF2-40B4-BE49-F238E27FC236}">
                  <a16:creationId xmlns:a16="http://schemas.microsoft.com/office/drawing/2014/main" id="{319C727A-83A9-40D9-B7A9-DB5AC67080B4}"/>
                </a:ext>
              </a:extLst>
            </p:cNvPr>
            <p:cNvSpPr/>
            <p:nvPr/>
          </p:nvSpPr>
          <p:spPr>
            <a:xfrm>
              <a:off x="5489989" y="3049694"/>
              <a:ext cx="90000" cy="90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60"/>
                </a:spcBef>
                <a:spcAft>
                  <a:spcPts val="600"/>
                </a:spcAft>
                <a:buClrTx/>
                <a:buSzTx/>
                <a:buFontTx/>
                <a:buNone/>
                <a:tabLst/>
                <a:defRPr/>
              </a:pPr>
              <a:endParaRPr kumimoji="0" lang="da-DK" sz="20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endParaRPr>
            </a:p>
          </p:txBody>
        </p:sp>
        <p:cxnSp>
          <p:nvCxnSpPr>
            <p:cNvPr id="91" name="Straight Connector 90">
              <a:extLst>
                <a:ext uri="{FF2B5EF4-FFF2-40B4-BE49-F238E27FC236}">
                  <a16:creationId xmlns:a16="http://schemas.microsoft.com/office/drawing/2014/main" id="{0534DB9A-6E73-48F7-B09A-4E6BC5D267DB}"/>
                </a:ext>
              </a:extLst>
            </p:cNvPr>
            <p:cNvCxnSpPr>
              <a:cxnSpLocks/>
              <a:stCxn id="90" idx="0"/>
              <a:endCxn id="92" idx="2"/>
            </p:cNvCxnSpPr>
            <p:nvPr/>
          </p:nvCxnSpPr>
          <p:spPr>
            <a:xfrm flipH="1" flipV="1">
              <a:off x="5317896" y="2103417"/>
              <a:ext cx="217093" cy="946277"/>
            </a:xfrm>
            <a:prstGeom prst="line">
              <a:avLst/>
            </a:prstGeom>
            <a:ln>
              <a:solidFill>
                <a:schemeClr val="accent2"/>
              </a:solidFill>
              <a:prstDash val="dash"/>
            </a:ln>
          </p:spPr>
          <p:style>
            <a:lnRef idx="1">
              <a:schemeClr val="accent1"/>
            </a:lnRef>
            <a:fillRef idx="0">
              <a:schemeClr val="accent1"/>
            </a:fillRef>
            <a:effectRef idx="0">
              <a:schemeClr val="accent1"/>
            </a:effectRef>
            <a:fontRef idx="minor">
              <a:schemeClr val="tx1"/>
            </a:fontRef>
          </p:style>
        </p:cxnSp>
        <p:sp>
          <p:nvSpPr>
            <p:cNvPr id="92" name="Rectangle 91">
              <a:extLst>
                <a:ext uri="{FF2B5EF4-FFF2-40B4-BE49-F238E27FC236}">
                  <a16:creationId xmlns:a16="http://schemas.microsoft.com/office/drawing/2014/main" id="{0F56EBF6-B805-42D8-A16F-9DE7538C75B3}"/>
                </a:ext>
              </a:extLst>
            </p:cNvPr>
            <p:cNvSpPr/>
            <p:nvPr/>
          </p:nvSpPr>
          <p:spPr>
            <a:xfrm>
              <a:off x="4545383" y="1643657"/>
              <a:ext cx="1545025" cy="459760"/>
            </a:xfrm>
            <a:prstGeom prst="rect">
              <a:avLst/>
            </a:prstGeom>
            <a:solidFill>
              <a:schemeClr val="accent2">
                <a:alpha val="6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60"/>
                </a:spcBef>
                <a:spcAft>
                  <a:spcPts val="600"/>
                </a:spcAft>
                <a:buClrTx/>
                <a:buSzTx/>
                <a:buFontTx/>
                <a:buNone/>
                <a:tabLst/>
                <a:defRPr/>
              </a:pPr>
              <a:r>
                <a:rPr kumimoji="0" lang="en-US" sz="9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rPr>
                <a:t>Innovative recovery methods to reduce time</a:t>
              </a:r>
              <a:endParaRPr kumimoji="0" lang="da-DK" sz="9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endParaRPr>
            </a:p>
          </p:txBody>
        </p:sp>
        <p:sp>
          <p:nvSpPr>
            <p:cNvPr id="93" name="Rectangle 92">
              <a:extLst>
                <a:ext uri="{FF2B5EF4-FFF2-40B4-BE49-F238E27FC236}">
                  <a16:creationId xmlns:a16="http://schemas.microsoft.com/office/drawing/2014/main" id="{421469F8-1D29-4A14-9A40-A8C85C6B8E42}"/>
                </a:ext>
              </a:extLst>
            </p:cNvPr>
            <p:cNvSpPr/>
            <p:nvPr/>
          </p:nvSpPr>
          <p:spPr>
            <a:xfrm>
              <a:off x="11372849" y="3250132"/>
              <a:ext cx="672970" cy="90029"/>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60"/>
                </a:spcBef>
                <a:spcAft>
                  <a:spcPts val="600"/>
                </a:spcAft>
                <a:buClrTx/>
                <a:buSzTx/>
                <a:buFontTx/>
                <a:buNone/>
                <a:tabLst/>
                <a:defRPr/>
              </a:pPr>
              <a:endParaRPr kumimoji="0" lang="da-DK" sz="20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endParaRPr>
            </a:p>
          </p:txBody>
        </p:sp>
        <p:sp>
          <p:nvSpPr>
            <p:cNvPr id="94" name="Rectangle 93">
              <a:extLst>
                <a:ext uri="{FF2B5EF4-FFF2-40B4-BE49-F238E27FC236}">
                  <a16:creationId xmlns:a16="http://schemas.microsoft.com/office/drawing/2014/main" id="{A97CF8F7-BAE3-4511-B5B9-B6AE49F614A0}"/>
                </a:ext>
              </a:extLst>
            </p:cNvPr>
            <p:cNvSpPr/>
            <p:nvPr/>
          </p:nvSpPr>
          <p:spPr>
            <a:xfrm>
              <a:off x="11637169" y="2782944"/>
              <a:ext cx="408650" cy="46929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60"/>
                </a:spcBef>
                <a:spcAft>
                  <a:spcPts val="600"/>
                </a:spcAft>
                <a:buClrTx/>
                <a:buSzTx/>
                <a:buFontTx/>
                <a:buNone/>
                <a:tabLst/>
                <a:defRPr/>
              </a:pPr>
              <a:endParaRPr kumimoji="0" lang="da-DK" sz="20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endParaRPr>
            </a:p>
          </p:txBody>
        </p:sp>
        <p:grpSp>
          <p:nvGrpSpPr>
            <p:cNvPr id="95" name="Group 4">
              <a:extLst>
                <a:ext uri="{FF2B5EF4-FFF2-40B4-BE49-F238E27FC236}">
                  <a16:creationId xmlns:a16="http://schemas.microsoft.com/office/drawing/2014/main" id="{EE435C9D-AB5B-4231-9585-68A1666CF6CB}"/>
                </a:ext>
              </a:extLst>
            </p:cNvPr>
            <p:cNvGrpSpPr>
              <a:grpSpLocks noChangeAspect="1"/>
            </p:cNvGrpSpPr>
            <p:nvPr/>
          </p:nvGrpSpPr>
          <p:grpSpPr bwMode="auto">
            <a:xfrm>
              <a:off x="11748361" y="2913138"/>
              <a:ext cx="186265" cy="179460"/>
              <a:chOff x="1703" y="486"/>
              <a:chExt cx="2354" cy="2268"/>
            </a:xfrm>
            <a:solidFill>
              <a:srgbClr val="E1F2F7"/>
            </a:solidFill>
          </p:grpSpPr>
          <p:sp>
            <p:nvSpPr>
              <p:cNvPr id="112" name="Freeform 5">
                <a:extLst>
                  <a:ext uri="{FF2B5EF4-FFF2-40B4-BE49-F238E27FC236}">
                    <a16:creationId xmlns:a16="http://schemas.microsoft.com/office/drawing/2014/main" id="{13970132-3AAD-4689-B11E-9086B3CA5C3E}"/>
                  </a:ext>
                </a:extLst>
              </p:cNvPr>
              <p:cNvSpPr>
                <a:spLocks/>
              </p:cNvSpPr>
              <p:nvPr/>
            </p:nvSpPr>
            <p:spPr bwMode="auto">
              <a:xfrm>
                <a:off x="2256" y="486"/>
                <a:ext cx="1382" cy="1135"/>
              </a:xfrm>
              <a:custGeom>
                <a:avLst/>
                <a:gdLst>
                  <a:gd name="T0" fmla="*/ 465 w 1382"/>
                  <a:gd name="T1" fmla="*/ 288 h 1135"/>
                  <a:gd name="T2" fmla="*/ 481 w 1382"/>
                  <a:gd name="T3" fmla="*/ 267 h 1135"/>
                  <a:gd name="T4" fmla="*/ 498 w 1382"/>
                  <a:gd name="T5" fmla="*/ 248 h 1135"/>
                  <a:gd name="T6" fmla="*/ 517 w 1382"/>
                  <a:gd name="T7" fmla="*/ 233 h 1135"/>
                  <a:gd name="T8" fmla="*/ 537 w 1382"/>
                  <a:gd name="T9" fmla="*/ 221 h 1135"/>
                  <a:gd name="T10" fmla="*/ 581 w 1382"/>
                  <a:gd name="T11" fmla="*/ 204 h 1135"/>
                  <a:gd name="T12" fmla="*/ 626 w 1382"/>
                  <a:gd name="T13" fmla="*/ 199 h 1135"/>
                  <a:gd name="T14" fmla="*/ 650 w 1382"/>
                  <a:gd name="T15" fmla="*/ 201 h 1135"/>
                  <a:gd name="T16" fmla="*/ 694 w 1382"/>
                  <a:gd name="T17" fmla="*/ 212 h 1135"/>
                  <a:gd name="T18" fmla="*/ 716 w 1382"/>
                  <a:gd name="T19" fmla="*/ 222 h 1135"/>
                  <a:gd name="T20" fmla="*/ 734 w 1382"/>
                  <a:gd name="T21" fmla="*/ 234 h 1135"/>
                  <a:gd name="T22" fmla="*/ 753 w 1382"/>
                  <a:gd name="T23" fmla="*/ 249 h 1135"/>
                  <a:gd name="T24" fmla="*/ 768 w 1382"/>
                  <a:gd name="T25" fmla="*/ 267 h 1135"/>
                  <a:gd name="T26" fmla="*/ 782 w 1382"/>
                  <a:gd name="T27" fmla="*/ 288 h 1135"/>
                  <a:gd name="T28" fmla="*/ 984 w 1382"/>
                  <a:gd name="T29" fmla="*/ 895 h 1135"/>
                  <a:gd name="T30" fmla="*/ 1369 w 1382"/>
                  <a:gd name="T31" fmla="*/ 669 h 1135"/>
                  <a:gd name="T32" fmla="*/ 955 w 1382"/>
                  <a:gd name="T33" fmla="*/ 188 h 1135"/>
                  <a:gd name="T34" fmla="*/ 942 w 1382"/>
                  <a:gd name="T35" fmla="*/ 167 h 1135"/>
                  <a:gd name="T36" fmla="*/ 912 w 1382"/>
                  <a:gd name="T37" fmla="*/ 127 h 1135"/>
                  <a:gd name="T38" fmla="*/ 878 w 1382"/>
                  <a:gd name="T39" fmla="*/ 93 h 1135"/>
                  <a:gd name="T40" fmla="*/ 838 w 1382"/>
                  <a:gd name="T41" fmla="*/ 64 h 1135"/>
                  <a:gd name="T42" fmla="*/ 795 w 1382"/>
                  <a:gd name="T43" fmla="*/ 39 h 1135"/>
                  <a:gd name="T44" fmla="*/ 750 w 1382"/>
                  <a:gd name="T45" fmla="*/ 20 h 1135"/>
                  <a:gd name="T46" fmla="*/ 702 w 1382"/>
                  <a:gd name="T47" fmla="*/ 7 h 1135"/>
                  <a:gd name="T48" fmla="*/ 652 w 1382"/>
                  <a:gd name="T49" fmla="*/ 1 h 1135"/>
                  <a:gd name="T50" fmla="*/ 626 w 1382"/>
                  <a:gd name="T51" fmla="*/ 0 h 1135"/>
                  <a:gd name="T52" fmla="*/ 601 w 1382"/>
                  <a:gd name="T53" fmla="*/ 0 h 1135"/>
                  <a:gd name="T54" fmla="*/ 552 w 1382"/>
                  <a:gd name="T55" fmla="*/ 6 h 1135"/>
                  <a:gd name="T56" fmla="*/ 505 w 1382"/>
                  <a:gd name="T57" fmla="*/ 19 h 1135"/>
                  <a:gd name="T58" fmla="*/ 460 w 1382"/>
                  <a:gd name="T59" fmla="*/ 36 h 1135"/>
                  <a:gd name="T60" fmla="*/ 418 w 1382"/>
                  <a:gd name="T61" fmla="*/ 60 h 1135"/>
                  <a:gd name="T62" fmla="*/ 379 w 1382"/>
                  <a:gd name="T63" fmla="*/ 88 h 1135"/>
                  <a:gd name="T64" fmla="*/ 343 w 1382"/>
                  <a:gd name="T65" fmla="*/ 121 h 1135"/>
                  <a:gd name="T66" fmla="*/ 312 w 1382"/>
                  <a:gd name="T67" fmla="*/ 160 h 1135"/>
                  <a:gd name="T68" fmla="*/ 294 w 1382"/>
                  <a:gd name="T69" fmla="*/ 184 h 1135"/>
                  <a:gd name="T70" fmla="*/ 0 w 1382"/>
                  <a:gd name="T71" fmla="*/ 694 h 1135"/>
                  <a:gd name="T72" fmla="*/ 465 w 1382"/>
                  <a:gd name="T73" fmla="*/ 288 h 11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382" h="1135">
                    <a:moveTo>
                      <a:pt x="465" y="288"/>
                    </a:moveTo>
                    <a:lnTo>
                      <a:pt x="465" y="288"/>
                    </a:lnTo>
                    <a:lnTo>
                      <a:pt x="473" y="277"/>
                    </a:lnTo>
                    <a:lnTo>
                      <a:pt x="481" y="267"/>
                    </a:lnTo>
                    <a:lnTo>
                      <a:pt x="489" y="257"/>
                    </a:lnTo>
                    <a:lnTo>
                      <a:pt x="498" y="248"/>
                    </a:lnTo>
                    <a:lnTo>
                      <a:pt x="507" y="241"/>
                    </a:lnTo>
                    <a:lnTo>
                      <a:pt x="517" y="233"/>
                    </a:lnTo>
                    <a:lnTo>
                      <a:pt x="527" y="227"/>
                    </a:lnTo>
                    <a:lnTo>
                      <a:pt x="537" y="221"/>
                    </a:lnTo>
                    <a:lnTo>
                      <a:pt x="559" y="212"/>
                    </a:lnTo>
                    <a:lnTo>
                      <a:pt x="581" y="204"/>
                    </a:lnTo>
                    <a:lnTo>
                      <a:pt x="603" y="201"/>
                    </a:lnTo>
                    <a:lnTo>
                      <a:pt x="626" y="199"/>
                    </a:lnTo>
                    <a:lnTo>
                      <a:pt x="626" y="199"/>
                    </a:lnTo>
                    <a:lnTo>
                      <a:pt x="650" y="201"/>
                    </a:lnTo>
                    <a:lnTo>
                      <a:pt x="672" y="204"/>
                    </a:lnTo>
                    <a:lnTo>
                      <a:pt x="694" y="212"/>
                    </a:lnTo>
                    <a:lnTo>
                      <a:pt x="704" y="217"/>
                    </a:lnTo>
                    <a:lnTo>
                      <a:pt x="716" y="222"/>
                    </a:lnTo>
                    <a:lnTo>
                      <a:pt x="726" y="227"/>
                    </a:lnTo>
                    <a:lnTo>
                      <a:pt x="734" y="234"/>
                    </a:lnTo>
                    <a:lnTo>
                      <a:pt x="744" y="242"/>
                    </a:lnTo>
                    <a:lnTo>
                      <a:pt x="753" y="249"/>
                    </a:lnTo>
                    <a:lnTo>
                      <a:pt x="760" y="258"/>
                    </a:lnTo>
                    <a:lnTo>
                      <a:pt x="768" y="267"/>
                    </a:lnTo>
                    <a:lnTo>
                      <a:pt x="775" y="277"/>
                    </a:lnTo>
                    <a:lnTo>
                      <a:pt x="782" y="288"/>
                    </a:lnTo>
                    <a:lnTo>
                      <a:pt x="1096" y="830"/>
                    </a:lnTo>
                    <a:lnTo>
                      <a:pt x="984" y="895"/>
                    </a:lnTo>
                    <a:lnTo>
                      <a:pt x="1382" y="1135"/>
                    </a:lnTo>
                    <a:lnTo>
                      <a:pt x="1369" y="669"/>
                    </a:lnTo>
                    <a:lnTo>
                      <a:pt x="1268" y="729"/>
                    </a:lnTo>
                    <a:lnTo>
                      <a:pt x="955" y="188"/>
                    </a:lnTo>
                    <a:lnTo>
                      <a:pt x="955" y="188"/>
                    </a:lnTo>
                    <a:lnTo>
                      <a:pt x="942" y="167"/>
                    </a:lnTo>
                    <a:lnTo>
                      <a:pt x="927" y="147"/>
                    </a:lnTo>
                    <a:lnTo>
                      <a:pt x="912" y="127"/>
                    </a:lnTo>
                    <a:lnTo>
                      <a:pt x="895" y="110"/>
                    </a:lnTo>
                    <a:lnTo>
                      <a:pt x="878" y="93"/>
                    </a:lnTo>
                    <a:lnTo>
                      <a:pt x="858" y="77"/>
                    </a:lnTo>
                    <a:lnTo>
                      <a:pt x="838" y="64"/>
                    </a:lnTo>
                    <a:lnTo>
                      <a:pt x="818" y="51"/>
                    </a:lnTo>
                    <a:lnTo>
                      <a:pt x="795" y="39"/>
                    </a:lnTo>
                    <a:lnTo>
                      <a:pt x="773" y="29"/>
                    </a:lnTo>
                    <a:lnTo>
                      <a:pt x="750" y="20"/>
                    </a:lnTo>
                    <a:lnTo>
                      <a:pt x="726" y="12"/>
                    </a:lnTo>
                    <a:lnTo>
                      <a:pt x="702" y="7"/>
                    </a:lnTo>
                    <a:lnTo>
                      <a:pt x="677" y="4"/>
                    </a:lnTo>
                    <a:lnTo>
                      <a:pt x="652" y="1"/>
                    </a:lnTo>
                    <a:lnTo>
                      <a:pt x="626" y="0"/>
                    </a:lnTo>
                    <a:lnTo>
                      <a:pt x="626" y="0"/>
                    </a:lnTo>
                    <a:lnTo>
                      <a:pt x="626" y="0"/>
                    </a:lnTo>
                    <a:lnTo>
                      <a:pt x="601" y="0"/>
                    </a:lnTo>
                    <a:lnTo>
                      <a:pt x="576" y="2"/>
                    </a:lnTo>
                    <a:lnTo>
                      <a:pt x="552" y="6"/>
                    </a:lnTo>
                    <a:lnTo>
                      <a:pt x="529" y="12"/>
                    </a:lnTo>
                    <a:lnTo>
                      <a:pt x="505" y="19"/>
                    </a:lnTo>
                    <a:lnTo>
                      <a:pt x="483" y="27"/>
                    </a:lnTo>
                    <a:lnTo>
                      <a:pt x="460" y="36"/>
                    </a:lnTo>
                    <a:lnTo>
                      <a:pt x="439" y="47"/>
                    </a:lnTo>
                    <a:lnTo>
                      <a:pt x="418" y="60"/>
                    </a:lnTo>
                    <a:lnTo>
                      <a:pt x="398" y="74"/>
                    </a:lnTo>
                    <a:lnTo>
                      <a:pt x="379" y="88"/>
                    </a:lnTo>
                    <a:lnTo>
                      <a:pt x="360" y="105"/>
                    </a:lnTo>
                    <a:lnTo>
                      <a:pt x="343" y="121"/>
                    </a:lnTo>
                    <a:lnTo>
                      <a:pt x="327" y="140"/>
                    </a:lnTo>
                    <a:lnTo>
                      <a:pt x="312" y="160"/>
                    </a:lnTo>
                    <a:lnTo>
                      <a:pt x="297" y="179"/>
                    </a:lnTo>
                    <a:lnTo>
                      <a:pt x="294" y="184"/>
                    </a:lnTo>
                    <a:lnTo>
                      <a:pt x="293" y="188"/>
                    </a:lnTo>
                    <a:lnTo>
                      <a:pt x="0" y="694"/>
                    </a:lnTo>
                    <a:lnTo>
                      <a:pt x="172" y="795"/>
                    </a:lnTo>
                    <a:lnTo>
                      <a:pt x="465" y="28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endParaRPr>
              </a:p>
            </p:txBody>
          </p:sp>
          <p:sp>
            <p:nvSpPr>
              <p:cNvPr id="113" name="Freeform 6">
                <a:extLst>
                  <a:ext uri="{FF2B5EF4-FFF2-40B4-BE49-F238E27FC236}">
                    <a16:creationId xmlns:a16="http://schemas.microsoft.com/office/drawing/2014/main" id="{7AF619B4-741E-49B2-95EF-884A4CB0BB58}"/>
                  </a:ext>
                </a:extLst>
              </p:cNvPr>
              <p:cNvSpPr>
                <a:spLocks/>
              </p:cNvSpPr>
              <p:nvPr/>
            </p:nvSpPr>
            <p:spPr bwMode="auto">
              <a:xfrm>
                <a:off x="1703" y="1298"/>
                <a:ext cx="932" cy="1325"/>
              </a:xfrm>
              <a:custGeom>
                <a:avLst/>
                <a:gdLst>
                  <a:gd name="T0" fmla="*/ 481 w 932"/>
                  <a:gd name="T1" fmla="*/ 407 h 1325"/>
                  <a:gd name="T2" fmla="*/ 598 w 932"/>
                  <a:gd name="T3" fmla="*/ 0 h 1325"/>
                  <a:gd name="T4" fmla="*/ 309 w 932"/>
                  <a:gd name="T5" fmla="*/ 306 h 1325"/>
                  <a:gd name="T6" fmla="*/ 51 w 932"/>
                  <a:gd name="T7" fmla="*/ 752 h 1325"/>
                  <a:gd name="T8" fmla="*/ 29 w 932"/>
                  <a:gd name="T9" fmla="*/ 798 h 1325"/>
                  <a:gd name="T10" fmla="*/ 12 w 932"/>
                  <a:gd name="T11" fmla="*/ 845 h 1325"/>
                  <a:gd name="T12" fmla="*/ 2 w 932"/>
                  <a:gd name="T13" fmla="*/ 894 h 1325"/>
                  <a:gd name="T14" fmla="*/ 0 w 932"/>
                  <a:gd name="T15" fmla="*/ 943 h 1325"/>
                  <a:gd name="T16" fmla="*/ 2 w 932"/>
                  <a:gd name="T17" fmla="*/ 992 h 1325"/>
                  <a:gd name="T18" fmla="*/ 12 w 932"/>
                  <a:gd name="T19" fmla="*/ 1041 h 1325"/>
                  <a:gd name="T20" fmla="*/ 29 w 932"/>
                  <a:gd name="T21" fmla="*/ 1088 h 1325"/>
                  <a:gd name="T22" fmla="*/ 51 w 932"/>
                  <a:gd name="T23" fmla="*/ 1134 h 1325"/>
                  <a:gd name="T24" fmla="*/ 65 w 932"/>
                  <a:gd name="T25" fmla="*/ 1156 h 1325"/>
                  <a:gd name="T26" fmla="*/ 96 w 932"/>
                  <a:gd name="T27" fmla="*/ 1196 h 1325"/>
                  <a:gd name="T28" fmla="*/ 131 w 932"/>
                  <a:gd name="T29" fmla="*/ 1232 h 1325"/>
                  <a:gd name="T30" fmla="*/ 169 w 932"/>
                  <a:gd name="T31" fmla="*/ 1262 h 1325"/>
                  <a:gd name="T32" fmla="*/ 213 w 932"/>
                  <a:gd name="T33" fmla="*/ 1287 h 1325"/>
                  <a:gd name="T34" fmla="*/ 258 w 932"/>
                  <a:gd name="T35" fmla="*/ 1305 h 1325"/>
                  <a:gd name="T36" fmla="*/ 307 w 932"/>
                  <a:gd name="T37" fmla="*/ 1318 h 1325"/>
                  <a:gd name="T38" fmla="*/ 356 w 932"/>
                  <a:gd name="T39" fmla="*/ 1324 h 1325"/>
                  <a:gd name="T40" fmla="*/ 932 w 932"/>
                  <a:gd name="T41" fmla="*/ 1325 h 1325"/>
                  <a:gd name="T42" fmla="*/ 383 w 932"/>
                  <a:gd name="T43" fmla="*/ 1126 h 1325"/>
                  <a:gd name="T44" fmla="*/ 369 w 932"/>
                  <a:gd name="T45" fmla="*/ 1126 h 1325"/>
                  <a:gd name="T46" fmla="*/ 344 w 932"/>
                  <a:gd name="T47" fmla="*/ 1122 h 1325"/>
                  <a:gd name="T48" fmla="*/ 320 w 932"/>
                  <a:gd name="T49" fmla="*/ 1116 h 1325"/>
                  <a:gd name="T50" fmla="*/ 299 w 932"/>
                  <a:gd name="T51" fmla="*/ 1106 h 1325"/>
                  <a:gd name="T52" fmla="*/ 278 w 932"/>
                  <a:gd name="T53" fmla="*/ 1093 h 1325"/>
                  <a:gd name="T54" fmla="*/ 252 w 932"/>
                  <a:gd name="T55" fmla="*/ 1071 h 1325"/>
                  <a:gd name="T56" fmla="*/ 224 w 932"/>
                  <a:gd name="T57" fmla="*/ 1035 h 1325"/>
                  <a:gd name="T58" fmla="*/ 206 w 932"/>
                  <a:gd name="T59" fmla="*/ 992 h 1325"/>
                  <a:gd name="T60" fmla="*/ 199 w 932"/>
                  <a:gd name="T61" fmla="*/ 958 h 1325"/>
                  <a:gd name="T62" fmla="*/ 199 w 932"/>
                  <a:gd name="T63" fmla="*/ 934 h 1325"/>
                  <a:gd name="T64" fmla="*/ 202 w 932"/>
                  <a:gd name="T65" fmla="*/ 910 h 1325"/>
                  <a:gd name="T66" fmla="*/ 208 w 932"/>
                  <a:gd name="T67" fmla="*/ 887 h 1325"/>
                  <a:gd name="T68" fmla="*/ 218 w 932"/>
                  <a:gd name="T69" fmla="*/ 863 h 1325"/>
                  <a:gd name="T70" fmla="*/ 224 w 932"/>
                  <a:gd name="T71" fmla="*/ 852 h 13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932" h="1325">
                    <a:moveTo>
                      <a:pt x="224" y="852"/>
                    </a:moveTo>
                    <a:lnTo>
                      <a:pt x="481" y="407"/>
                    </a:lnTo>
                    <a:lnTo>
                      <a:pt x="584" y="468"/>
                    </a:lnTo>
                    <a:lnTo>
                      <a:pt x="598" y="0"/>
                    </a:lnTo>
                    <a:lnTo>
                      <a:pt x="199" y="242"/>
                    </a:lnTo>
                    <a:lnTo>
                      <a:pt x="309" y="306"/>
                    </a:lnTo>
                    <a:lnTo>
                      <a:pt x="51" y="752"/>
                    </a:lnTo>
                    <a:lnTo>
                      <a:pt x="51" y="752"/>
                    </a:lnTo>
                    <a:lnTo>
                      <a:pt x="39" y="774"/>
                    </a:lnTo>
                    <a:lnTo>
                      <a:pt x="29" y="798"/>
                    </a:lnTo>
                    <a:lnTo>
                      <a:pt x="20" y="822"/>
                    </a:lnTo>
                    <a:lnTo>
                      <a:pt x="12" y="845"/>
                    </a:lnTo>
                    <a:lnTo>
                      <a:pt x="6" y="869"/>
                    </a:lnTo>
                    <a:lnTo>
                      <a:pt x="2" y="894"/>
                    </a:lnTo>
                    <a:lnTo>
                      <a:pt x="0" y="919"/>
                    </a:lnTo>
                    <a:lnTo>
                      <a:pt x="0" y="943"/>
                    </a:lnTo>
                    <a:lnTo>
                      <a:pt x="0" y="968"/>
                    </a:lnTo>
                    <a:lnTo>
                      <a:pt x="2" y="992"/>
                    </a:lnTo>
                    <a:lnTo>
                      <a:pt x="6" y="1016"/>
                    </a:lnTo>
                    <a:lnTo>
                      <a:pt x="12" y="1041"/>
                    </a:lnTo>
                    <a:lnTo>
                      <a:pt x="20" y="1065"/>
                    </a:lnTo>
                    <a:lnTo>
                      <a:pt x="29" y="1088"/>
                    </a:lnTo>
                    <a:lnTo>
                      <a:pt x="39" y="1111"/>
                    </a:lnTo>
                    <a:lnTo>
                      <a:pt x="51" y="1134"/>
                    </a:lnTo>
                    <a:lnTo>
                      <a:pt x="51" y="1134"/>
                    </a:lnTo>
                    <a:lnTo>
                      <a:pt x="65" y="1156"/>
                    </a:lnTo>
                    <a:lnTo>
                      <a:pt x="80" y="1177"/>
                    </a:lnTo>
                    <a:lnTo>
                      <a:pt x="96" y="1196"/>
                    </a:lnTo>
                    <a:lnTo>
                      <a:pt x="112" y="1214"/>
                    </a:lnTo>
                    <a:lnTo>
                      <a:pt x="131" y="1232"/>
                    </a:lnTo>
                    <a:lnTo>
                      <a:pt x="150" y="1247"/>
                    </a:lnTo>
                    <a:lnTo>
                      <a:pt x="169" y="1262"/>
                    </a:lnTo>
                    <a:lnTo>
                      <a:pt x="191" y="1274"/>
                    </a:lnTo>
                    <a:lnTo>
                      <a:pt x="213" y="1287"/>
                    </a:lnTo>
                    <a:lnTo>
                      <a:pt x="236" y="1296"/>
                    </a:lnTo>
                    <a:lnTo>
                      <a:pt x="258" y="1305"/>
                    </a:lnTo>
                    <a:lnTo>
                      <a:pt x="282" y="1313"/>
                    </a:lnTo>
                    <a:lnTo>
                      <a:pt x="307" y="1318"/>
                    </a:lnTo>
                    <a:lnTo>
                      <a:pt x="331" y="1321"/>
                    </a:lnTo>
                    <a:lnTo>
                      <a:pt x="356" y="1324"/>
                    </a:lnTo>
                    <a:lnTo>
                      <a:pt x="383" y="1325"/>
                    </a:lnTo>
                    <a:lnTo>
                      <a:pt x="932" y="1325"/>
                    </a:lnTo>
                    <a:lnTo>
                      <a:pt x="932" y="1126"/>
                    </a:lnTo>
                    <a:lnTo>
                      <a:pt x="383" y="1126"/>
                    </a:lnTo>
                    <a:lnTo>
                      <a:pt x="383" y="1126"/>
                    </a:lnTo>
                    <a:lnTo>
                      <a:pt x="369" y="1126"/>
                    </a:lnTo>
                    <a:lnTo>
                      <a:pt x="356" y="1125"/>
                    </a:lnTo>
                    <a:lnTo>
                      <a:pt x="344" y="1122"/>
                    </a:lnTo>
                    <a:lnTo>
                      <a:pt x="333" y="1120"/>
                    </a:lnTo>
                    <a:lnTo>
                      <a:pt x="320" y="1116"/>
                    </a:lnTo>
                    <a:lnTo>
                      <a:pt x="309" y="1111"/>
                    </a:lnTo>
                    <a:lnTo>
                      <a:pt x="299" y="1106"/>
                    </a:lnTo>
                    <a:lnTo>
                      <a:pt x="288" y="1100"/>
                    </a:lnTo>
                    <a:lnTo>
                      <a:pt x="278" y="1093"/>
                    </a:lnTo>
                    <a:lnTo>
                      <a:pt x="269" y="1087"/>
                    </a:lnTo>
                    <a:lnTo>
                      <a:pt x="252" y="1071"/>
                    </a:lnTo>
                    <a:lnTo>
                      <a:pt x="237" y="1053"/>
                    </a:lnTo>
                    <a:lnTo>
                      <a:pt x="224" y="1035"/>
                    </a:lnTo>
                    <a:lnTo>
                      <a:pt x="213" y="1014"/>
                    </a:lnTo>
                    <a:lnTo>
                      <a:pt x="206" y="992"/>
                    </a:lnTo>
                    <a:lnTo>
                      <a:pt x="201" y="969"/>
                    </a:lnTo>
                    <a:lnTo>
                      <a:pt x="199" y="958"/>
                    </a:lnTo>
                    <a:lnTo>
                      <a:pt x="199" y="946"/>
                    </a:lnTo>
                    <a:lnTo>
                      <a:pt x="199" y="934"/>
                    </a:lnTo>
                    <a:lnTo>
                      <a:pt x="201" y="923"/>
                    </a:lnTo>
                    <a:lnTo>
                      <a:pt x="202" y="910"/>
                    </a:lnTo>
                    <a:lnTo>
                      <a:pt x="204" y="898"/>
                    </a:lnTo>
                    <a:lnTo>
                      <a:pt x="208" y="887"/>
                    </a:lnTo>
                    <a:lnTo>
                      <a:pt x="213" y="874"/>
                    </a:lnTo>
                    <a:lnTo>
                      <a:pt x="218" y="863"/>
                    </a:lnTo>
                    <a:lnTo>
                      <a:pt x="224" y="852"/>
                    </a:lnTo>
                    <a:lnTo>
                      <a:pt x="224" y="85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endParaRPr>
              </a:p>
            </p:txBody>
          </p:sp>
          <p:sp>
            <p:nvSpPr>
              <p:cNvPr id="114" name="Freeform 7">
                <a:extLst>
                  <a:ext uri="{FF2B5EF4-FFF2-40B4-BE49-F238E27FC236}">
                    <a16:creationId xmlns:a16="http://schemas.microsoft.com/office/drawing/2014/main" id="{A2848DAC-D8E5-46A4-A802-DB8DF75FD465}"/>
                  </a:ext>
                </a:extLst>
              </p:cNvPr>
              <p:cNvSpPr>
                <a:spLocks/>
              </p:cNvSpPr>
              <p:nvPr/>
            </p:nvSpPr>
            <p:spPr bwMode="auto">
              <a:xfrm>
                <a:off x="2715" y="1637"/>
                <a:ext cx="1342" cy="1117"/>
              </a:xfrm>
              <a:custGeom>
                <a:avLst/>
                <a:gdLst>
                  <a:gd name="T0" fmla="*/ 1053 w 1342"/>
                  <a:gd name="T1" fmla="*/ 0 h 1117"/>
                  <a:gd name="T2" fmla="*/ 1118 w 1342"/>
                  <a:gd name="T3" fmla="*/ 513 h 1117"/>
                  <a:gd name="T4" fmla="*/ 1124 w 1342"/>
                  <a:gd name="T5" fmla="*/ 524 h 1117"/>
                  <a:gd name="T6" fmla="*/ 1134 w 1342"/>
                  <a:gd name="T7" fmla="*/ 548 h 1117"/>
                  <a:gd name="T8" fmla="*/ 1139 w 1342"/>
                  <a:gd name="T9" fmla="*/ 571 h 1117"/>
                  <a:gd name="T10" fmla="*/ 1143 w 1342"/>
                  <a:gd name="T11" fmla="*/ 595 h 1117"/>
                  <a:gd name="T12" fmla="*/ 1141 w 1342"/>
                  <a:gd name="T13" fmla="*/ 619 h 1117"/>
                  <a:gd name="T14" fmla="*/ 1135 w 1342"/>
                  <a:gd name="T15" fmla="*/ 653 h 1117"/>
                  <a:gd name="T16" fmla="*/ 1118 w 1342"/>
                  <a:gd name="T17" fmla="*/ 696 h 1117"/>
                  <a:gd name="T18" fmla="*/ 1090 w 1342"/>
                  <a:gd name="T19" fmla="*/ 732 h 1117"/>
                  <a:gd name="T20" fmla="*/ 1063 w 1342"/>
                  <a:gd name="T21" fmla="*/ 754 h 1117"/>
                  <a:gd name="T22" fmla="*/ 1043 w 1342"/>
                  <a:gd name="T23" fmla="*/ 767 h 1117"/>
                  <a:gd name="T24" fmla="*/ 1020 w 1342"/>
                  <a:gd name="T25" fmla="*/ 777 h 1117"/>
                  <a:gd name="T26" fmla="*/ 997 w 1342"/>
                  <a:gd name="T27" fmla="*/ 783 h 1117"/>
                  <a:gd name="T28" fmla="*/ 972 w 1342"/>
                  <a:gd name="T29" fmla="*/ 787 h 1117"/>
                  <a:gd name="T30" fmla="*/ 409 w 1342"/>
                  <a:gd name="T31" fmla="*/ 787 h 1117"/>
                  <a:gd name="T32" fmla="*/ 0 w 1342"/>
                  <a:gd name="T33" fmla="*/ 894 h 1117"/>
                  <a:gd name="T34" fmla="*/ 409 w 1342"/>
                  <a:gd name="T35" fmla="*/ 986 h 1117"/>
                  <a:gd name="T36" fmla="*/ 959 w 1342"/>
                  <a:gd name="T37" fmla="*/ 986 h 1117"/>
                  <a:gd name="T38" fmla="*/ 1011 w 1342"/>
                  <a:gd name="T39" fmla="*/ 982 h 1117"/>
                  <a:gd name="T40" fmla="*/ 1059 w 1342"/>
                  <a:gd name="T41" fmla="*/ 974 h 1117"/>
                  <a:gd name="T42" fmla="*/ 1106 w 1342"/>
                  <a:gd name="T43" fmla="*/ 957 h 1117"/>
                  <a:gd name="T44" fmla="*/ 1150 w 1342"/>
                  <a:gd name="T45" fmla="*/ 935 h 1117"/>
                  <a:gd name="T46" fmla="*/ 1191 w 1342"/>
                  <a:gd name="T47" fmla="*/ 908 h 1117"/>
                  <a:gd name="T48" fmla="*/ 1229 w 1342"/>
                  <a:gd name="T49" fmla="*/ 875 h 1117"/>
                  <a:gd name="T50" fmla="*/ 1262 w 1342"/>
                  <a:gd name="T51" fmla="*/ 838 h 1117"/>
                  <a:gd name="T52" fmla="*/ 1291 w 1342"/>
                  <a:gd name="T53" fmla="*/ 795 h 1117"/>
                  <a:gd name="T54" fmla="*/ 1302 w 1342"/>
                  <a:gd name="T55" fmla="*/ 772 h 1117"/>
                  <a:gd name="T56" fmla="*/ 1322 w 1342"/>
                  <a:gd name="T57" fmla="*/ 726 h 1117"/>
                  <a:gd name="T58" fmla="*/ 1335 w 1342"/>
                  <a:gd name="T59" fmla="*/ 677 h 1117"/>
                  <a:gd name="T60" fmla="*/ 1341 w 1342"/>
                  <a:gd name="T61" fmla="*/ 629 h 1117"/>
                  <a:gd name="T62" fmla="*/ 1341 w 1342"/>
                  <a:gd name="T63" fmla="*/ 580 h 1117"/>
                  <a:gd name="T64" fmla="*/ 1335 w 1342"/>
                  <a:gd name="T65" fmla="*/ 530 h 1117"/>
                  <a:gd name="T66" fmla="*/ 1322 w 1342"/>
                  <a:gd name="T67" fmla="*/ 483 h 1117"/>
                  <a:gd name="T68" fmla="*/ 1302 w 1342"/>
                  <a:gd name="T69" fmla="*/ 435 h 1117"/>
                  <a:gd name="T70" fmla="*/ 1291 w 1342"/>
                  <a:gd name="T71" fmla="*/ 413 h 1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342" h="1117">
                    <a:moveTo>
                      <a:pt x="1291" y="413"/>
                    </a:moveTo>
                    <a:lnTo>
                      <a:pt x="1053" y="0"/>
                    </a:lnTo>
                    <a:lnTo>
                      <a:pt x="881" y="101"/>
                    </a:lnTo>
                    <a:lnTo>
                      <a:pt x="1118" y="513"/>
                    </a:lnTo>
                    <a:lnTo>
                      <a:pt x="1118" y="513"/>
                    </a:lnTo>
                    <a:lnTo>
                      <a:pt x="1124" y="524"/>
                    </a:lnTo>
                    <a:lnTo>
                      <a:pt x="1129" y="535"/>
                    </a:lnTo>
                    <a:lnTo>
                      <a:pt x="1134" y="548"/>
                    </a:lnTo>
                    <a:lnTo>
                      <a:pt x="1136" y="559"/>
                    </a:lnTo>
                    <a:lnTo>
                      <a:pt x="1139" y="571"/>
                    </a:lnTo>
                    <a:lnTo>
                      <a:pt x="1141" y="584"/>
                    </a:lnTo>
                    <a:lnTo>
                      <a:pt x="1143" y="595"/>
                    </a:lnTo>
                    <a:lnTo>
                      <a:pt x="1143" y="607"/>
                    </a:lnTo>
                    <a:lnTo>
                      <a:pt x="1141" y="619"/>
                    </a:lnTo>
                    <a:lnTo>
                      <a:pt x="1140" y="630"/>
                    </a:lnTo>
                    <a:lnTo>
                      <a:pt x="1135" y="653"/>
                    </a:lnTo>
                    <a:lnTo>
                      <a:pt x="1128" y="675"/>
                    </a:lnTo>
                    <a:lnTo>
                      <a:pt x="1118" y="696"/>
                    </a:lnTo>
                    <a:lnTo>
                      <a:pt x="1105" y="714"/>
                    </a:lnTo>
                    <a:lnTo>
                      <a:pt x="1090" y="732"/>
                    </a:lnTo>
                    <a:lnTo>
                      <a:pt x="1073" y="748"/>
                    </a:lnTo>
                    <a:lnTo>
                      <a:pt x="1063" y="754"/>
                    </a:lnTo>
                    <a:lnTo>
                      <a:pt x="1053" y="761"/>
                    </a:lnTo>
                    <a:lnTo>
                      <a:pt x="1043" y="767"/>
                    </a:lnTo>
                    <a:lnTo>
                      <a:pt x="1032" y="772"/>
                    </a:lnTo>
                    <a:lnTo>
                      <a:pt x="1020" y="777"/>
                    </a:lnTo>
                    <a:lnTo>
                      <a:pt x="1009" y="781"/>
                    </a:lnTo>
                    <a:lnTo>
                      <a:pt x="997" y="783"/>
                    </a:lnTo>
                    <a:lnTo>
                      <a:pt x="984" y="786"/>
                    </a:lnTo>
                    <a:lnTo>
                      <a:pt x="972" y="787"/>
                    </a:lnTo>
                    <a:lnTo>
                      <a:pt x="959" y="787"/>
                    </a:lnTo>
                    <a:lnTo>
                      <a:pt x="409" y="787"/>
                    </a:lnTo>
                    <a:lnTo>
                      <a:pt x="409" y="670"/>
                    </a:lnTo>
                    <a:lnTo>
                      <a:pt x="0" y="894"/>
                    </a:lnTo>
                    <a:lnTo>
                      <a:pt x="409" y="1117"/>
                    </a:lnTo>
                    <a:lnTo>
                      <a:pt x="409" y="986"/>
                    </a:lnTo>
                    <a:lnTo>
                      <a:pt x="959" y="986"/>
                    </a:lnTo>
                    <a:lnTo>
                      <a:pt x="959" y="986"/>
                    </a:lnTo>
                    <a:lnTo>
                      <a:pt x="984" y="985"/>
                    </a:lnTo>
                    <a:lnTo>
                      <a:pt x="1011" y="982"/>
                    </a:lnTo>
                    <a:lnTo>
                      <a:pt x="1035" y="979"/>
                    </a:lnTo>
                    <a:lnTo>
                      <a:pt x="1059" y="974"/>
                    </a:lnTo>
                    <a:lnTo>
                      <a:pt x="1083" y="966"/>
                    </a:lnTo>
                    <a:lnTo>
                      <a:pt x="1106" y="957"/>
                    </a:lnTo>
                    <a:lnTo>
                      <a:pt x="1129" y="948"/>
                    </a:lnTo>
                    <a:lnTo>
                      <a:pt x="1150" y="935"/>
                    </a:lnTo>
                    <a:lnTo>
                      <a:pt x="1171" y="923"/>
                    </a:lnTo>
                    <a:lnTo>
                      <a:pt x="1191" y="908"/>
                    </a:lnTo>
                    <a:lnTo>
                      <a:pt x="1211" y="893"/>
                    </a:lnTo>
                    <a:lnTo>
                      <a:pt x="1229" y="875"/>
                    </a:lnTo>
                    <a:lnTo>
                      <a:pt x="1246" y="857"/>
                    </a:lnTo>
                    <a:lnTo>
                      <a:pt x="1262" y="838"/>
                    </a:lnTo>
                    <a:lnTo>
                      <a:pt x="1277" y="817"/>
                    </a:lnTo>
                    <a:lnTo>
                      <a:pt x="1291" y="795"/>
                    </a:lnTo>
                    <a:lnTo>
                      <a:pt x="1291" y="795"/>
                    </a:lnTo>
                    <a:lnTo>
                      <a:pt x="1302" y="772"/>
                    </a:lnTo>
                    <a:lnTo>
                      <a:pt x="1313" y="749"/>
                    </a:lnTo>
                    <a:lnTo>
                      <a:pt x="1322" y="726"/>
                    </a:lnTo>
                    <a:lnTo>
                      <a:pt x="1330" y="702"/>
                    </a:lnTo>
                    <a:lnTo>
                      <a:pt x="1335" y="677"/>
                    </a:lnTo>
                    <a:lnTo>
                      <a:pt x="1338" y="653"/>
                    </a:lnTo>
                    <a:lnTo>
                      <a:pt x="1341" y="629"/>
                    </a:lnTo>
                    <a:lnTo>
                      <a:pt x="1342" y="604"/>
                    </a:lnTo>
                    <a:lnTo>
                      <a:pt x="1341" y="580"/>
                    </a:lnTo>
                    <a:lnTo>
                      <a:pt x="1338" y="555"/>
                    </a:lnTo>
                    <a:lnTo>
                      <a:pt x="1335" y="530"/>
                    </a:lnTo>
                    <a:lnTo>
                      <a:pt x="1330" y="506"/>
                    </a:lnTo>
                    <a:lnTo>
                      <a:pt x="1322" y="483"/>
                    </a:lnTo>
                    <a:lnTo>
                      <a:pt x="1313" y="459"/>
                    </a:lnTo>
                    <a:lnTo>
                      <a:pt x="1302" y="435"/>
                    </a:lnTo>
                    <a:lnTo>
                      <a:pt x="1291" y="413"/>
                    </a:lnTo>
                    <a:lnTo>
                      <a:pt x="1291" y="41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endParaRPr>
              </a:p>
            </p:txBody>
          </p:sp>
        </p:grpSp>
        <p:sp>
          <p:nvSpPr>
            <p:cNvPr id="96" name="Oval 95">
              <a:extLst>
                <a:ext uri="{FF2B5EF4-FFF2-40B4-BE49-F238E27FC236}">
                  <a16:creationId xmlns:a16="http://schemas.microsoft.com/office/drawing/2014/main" id="{7D6FF3CD-8103-4860-81AB-173A05A8F8A0}"/>
                </a:ext>
              </a:extLst>
            </p:cNvPr>
            <p:cNvSpPr/>
            <p:nvPr/>
          </p:nvSpPr>
          <p:spPr>
            <a:xfrm>
              <a:off x="11415009" y="2782943"/>
              <a:ext cx="90000" cy="90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60"/>
                </a:spcBef>
                <a:spcAft>
                  <a:spcPts val="600"/>
                </a:spcAft>
                <a:buClrTx/>
                <a:buSzTx/>
                <a:buFontTx/>
                <a:buNone/>
                <a:tabLst/>
                <a:defRPr/>
              </a:pPr>
              <a:endParaRPr kumimoji="0" lang="da-DK" sz="20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endParaRPr>
            </a:p>
          </p:txBody>
        </p:sp>
        <p:cxnSp>
          <p:nvCxnSpPr>
            <p:cNvPr id="97" name="Straight Connector 96">
              <a:extLst>
                <a:ext uri="{FF2B5EF4-FFF2-40B4-BE49-F238E27FC236}">
                  <a16:creationId xmlns:a16="http://schemas.microsoft.com/office/drawing/2014/main" id="{151BF745-1935-40D8-93BF-D413651F0F16}"/>
                </a:ext>
              </a:extLst>
            </p:cNvPr>
            <p:cNvCxnSpPr>
              <a:cxnSpLocks/>
              <a:stCxn id="96" idx="1"/>
              <a:endCxn id="98" idx="2"/>
            </p:cNvCxnSpPr>
            <p:nvPr/>
          </p:nvCxnSpPr>
          <p:spPr>
            <a:xfrm flipH="1" flipV="1">
              <a:off x="10391945" y="1637486"/>
              <a:ext cx="1036244" cy="1158637"/>
            </a:xfrm>
            <a:prstGeom prst="line">
              <a:avLst/>
            </a:prstGeom>
            <a:ln>
              <a:solidFill>
                <a:schemeClr val="accent2"/>
              </a:solidFill>
              <a:prstDash val="dash"/>
            </a:ln>
          </p:spPr>
          <p:style>
            <a:lnRef idx="1">
              <a:schemeClr val="accent1"/>
            </a:lnRef>
            <a:fillRef idx="0">
              <a:schemeClr val="accent1"/>
            </a:fillRef>
            <a:effectRef idx="0">
              <a:schemeClr val="accent1"/>
            </a:effectRef>
            <a:fontRef idx="minor">
              <a:schemeClr val="tx1"/>
            </a:fontRef>
          </p:style>
        </p:cxnSp>
        <p:sp>
          <p:nvSpPr>
            <p:cNvPr id="98" name="Rectangle 97">
              <a:extLst>
                <a:ext uri="{FF2B5EF4-FFF2-40B4-BE49-F238E27FC236}">
                  <a16:creationId xmlns:a16="http://schemas.microsoft.com/office/drawing/2014/main" id="{E34E1A35-CB66-4614-8049-465C493B4B3F}"/>
                </a:ext>
              </a:extLst>
            </p:cNvPr>
            <p:cNvSpPr/>
            <p:nvPr/>
          </p:nvSpPr>
          <p:spPr>
            <a:xfrm>
              <a:off x="9614465" y="1035714"/>
              <a:ext cx="1554959" cy="601772"/>
            </a:xfrm>
            <a:prstGeom prst="rect">
              <a:avLst/>
            </a:prstGeom>
            <a:solidFill>
              <a:schemeClr val="accent2">
                <a:alpha val="6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60"/>
                </a:spcBef>
                <a:spcAft>
                  <a:spcPts val="600"/>
                </a:spcAft>
                <a:buClrTx/>
                <a:buSzTx/>
                <a:buFontTx/>
                <a:buNone/>
                <a:tabLst/>
                <a:defRPr/>
              </a:pPr>
              <a:r>
                <a:rPr kumimoji="0" lang="en-US" sz="9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rPr>
                <a:t>Targeting waste </a:t>
              </a:r>
              <a:r>
                <a:rPr kumimoji="0" lang="en-US" sz="900" b="0" i="0" u="none" strike="noStrike" kern="1200" cap="none" spc="0" normalizeH="0" baseline="0" noProof="0" err="1">
                  <a:ln>
                    <a:noFill/>
                  </a:ln>
                  <a:solidFill>
                    <a:prstClr val="white"/>
                  </a:solidFill>
                  <a:effectLst/>
                  <a:uLnTx/>
                  <a:uFillTx/>
                  <a:latin typeface="Maersk Text Light" panose="00000400000000000000" pitchFamily="50" charset="0"/>
                  <a:ea typeface="+mn-ea"/>
                  <a:cs typeface="+mn-cs"/>
                </a:rPr>
                <a:t>minimisation</a:t>
              </a:r>
              <a:r>
                <a:rPr kumimoji="0" lang="en-US" sz="9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rPr>
                <a:t>, re-use and closed loop recycling</a:t>
              </a:r>
              <a:endParaRPr kumimoji="0" lang="da-DK" sz="9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endParaRPr>
            </a:p>
          </p:txBody>
        </p:sp>
        <p:sp>
          <p:nvSpPr>
            <p:cNvPr id="99" name="Rectangle 98">
              <a:extLst>
                <a:ext uri="{FF2B5EF4-FFF2-40B4-BE49-F238E27FC236}">
                  <a16:creationId xmlns:a16="http://schemas.microsoft.com/office/drawing/2014/main" id="{D5AF0BFD-71D3-43D6-B8CD-096DE90E366B}"/>
                </a:ext>
              </a:extLst>
            </p:cNvPr>
            <p:cNvSpPr/>
            <p:nvPr/>
          </p:nvSpPr>
          <p:spPr>
            <a:xfrm>
              <a:off x="146485" y="3238041"/>
              <a:ext cx="672970" cy="90029"/>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60"/>
                </a:spcBef>
                <a:spcAft>
                  <a:spcPts val="600"/>
                </a:spcAft>
                <a:buClrTx/>
                <a:buSzTx/>
                <a:buFontTx/>
                <a:buNone/>
                <a:tabLst/>
                <a:defRPr/>
              </a:pPr>
              <a:endParaRPr kumimoji="0" lang="da-DK" sz="20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endParaRPr>
            </a:p>
          </p:txBody>
        </p:sp>
        <p:sp>
          <p:nvSpPr>
            <p:cNvPr id="100" name="Rectangle 99">
              <a:extLst>
                <a:ext uri="{FF2B5EF4-FFF2-40B4-BE49-F238E27FC236}">
                  <a16:creationId xmlns:a16="http://schemas.microsoft.com/office/drawing/2014/main" id="{8CFB6FA5-F53E-4E19-A78F-2E2987B73A30}"/>
                </a:ext>
              </a:extLst>
            </p:cNvPr>
            <p:cNvSpPr/>
            <p:nvPr/>
          </p:nvSpPr>
          <p:spPr>
            <a:xfrm>
              <a:off x="144605" y="2770853"/>
              <a:ext cx="408650" cy="46929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60"/>
                </a:spcBef>
                <a:spcAft>
                  <a:spcPts val="600"/>
                </a:spcAft>
                <a:buClrTx/>
                <a:buSzTx/>
                <a:buFontTx/>
                <a:buNone/>
                <a:tabLst/>
                <a:defRPr/>
              </a:pPr>
              <a:endParaRPr kumimoji="0" lang="da-DK" sz="20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endParaRPr>
            </a:p>
          </p:txBody>
        </p:sp>
        <p:grpSp>
          <p:nvGrpSpPr>
            <p:cNvPr id="101" name="Group 4">
              <a:extLst>
                <a:ext uri="{FF2B5EF4-FFF2-40B4-BE49-F238E27FC236}">
                  <a16:creationId xmlns:a16="http://schemas.microsoft.com/office/drawing/2014/main" id="{3CE5E86C-9F56-466E-BA2B-C131D711E7C7}"/>
                </a:ext>
              </a:extLst>
            </p:cNvPr>
            <p:cNvGrpSpPr>
              <a:grpSpLocks noChangeAspect="1"/>
            </p:cNvGrpSpPr>
            <p:nvPr/>
          </p:nvGrpSpPr>
          <p:grpSpPr bwMode="auto">
            <a:xfrm>
              <a:off x="223907" y="2907539"/>
              <a:ext cx="260240" cy="160562"/>
              <a:chOff x="1042" y="486"/>
              <a:chExt cx="3676" cy="2268"/>
            </a:xfrm>
            <a:solidFill>
              <a:srgbClr val="E1F2F7"/>
            </a:solidFill>
          </p:grpSpPr>
          <p:sp>
            <p:nvSpPr>
              <p:cNvPr id="107" name="Freeform 5">
                <a:extLst>
                  <a:ext uri="{FF2B5EF4-FFF2-40B4-BE49-F238E27FC236}">
                    <a16:creationId xmlns:a16="http://schemas.microsoft.com/office/drawing/2014/main" id="{7CE8D260-1ACB-4926-ABD0-8440073900ED}"/>
                  </a:ext>
                </a:extLst>
              </p:cNvPr>
              <p:cNvSpPr>
                <a:spLocks/>
              </p:cNvSpPr>
              <p:nvPr/>
            </p:nvSpPr>
            <p:spPr bwMode="auto">
              <a:xfrm>
                <a:off x="3160" y="486"/>
                <a:ext cx="1558" cy="1792"/>
              </a:xfrm>
              <a:custGeom>
                <a:avLst/>
                <a:gdLst>
                  <a:gd name="T0" fmla="*/ 681 w 1558"/>
                  <a:gd name="T1" fmla="*/ 151 h 1792"/>
                  <a:gd name="T2" fmla="*/ 775 w 1558"/>
                  <a:gd name="T3" fmla="*/ 172 h 1792"/>
                  <a:gd name="T4" fmla="*/ 862 w 1558"/>
                  <a:gd name="T5" fmla="*/ 212 h 1792"/>
                  <a:gd name="T6" fmla="*/ 939 w 1558"/>
                  <a:gd name="T7" fmla="*/ 268 h 1792"/>
                  <a:gd name="T8" fmla="*/ 1005 w 1558"/>
                  <a:gd name="T9" fmla="*/ 340 h 1792"/>
                  <a:gd name="T10" fmla="*/ 1057 w 1558"/>
                  <a:gd name="T11" fmla="*/ 423 h 1792"/>
                  <a:gd name="T12" fmla="*/ 1094 w 1558"/>
                  <a:gd name="T13" fmla="*/ 516 h 1792"/>
                  <a:gd name="T14" fmla="*/ 1113 w 1558"/>
                  <a:gd name="T15" fmla="*/ 619 h 1792"/>
                  <a:gd name="T16" fmla="*/ 1114 w 1558"/>
                  <a:gd name="T17" fmla="*/ 718 h 1792"/>
                  <a:gd name="T18" fmla="*/ 1073 w 1558"/>
                  <a:gd name="T19" fmla="*/ 887 h 1792"/>
                  <a:gd name="T20" fmla="*/ 1021 w 1558"/>
                  <a:gd name="T21" fmla="*/ 983 h 1792"/>
                  <a:gd name="T22" fmla="*/ 1034 w 1558"/>
                  <a:gd name="T23" fmla="*/ 1108 h 1792"/>
                  <a:gd name="T24" fmla="*/ 1172 w 1558"/>
                  <a:gd name="T25" fmla="*/ 1201 h 1792"/>
                  <a:gd name="T26" fmla="*/ 1278 w 1558"/>
                  <a:gd name="T27" fmla="*/ 1325 h 1792"/>
                  <a:gd name="T28" fmla="*/ 1352 w 1558"/>
                  <a:gd name="T29" fmla="*/ 1471 h 1792"/>
                  <a:gd name="T30" fmla="*/ 1389 w 1558"/>
                  <a:gd name="T31" fmla="*/ 1644 h 1792"/>
                  <a:gd name="T32" fmla="*/ 485 w 1558"/>
                  <a:gd name="T33" fmla="*/ 1713 h 1792"/>
                  <a:gd name="T34" fmla="*/ 1557 w 1558"/>
                  <a:gd name="T35" fmla="*/ 1715 h 1792"/>
                  <a:gd name="T36" fmla="*/ 1539 w 1558"/>
                  <a:gd name="T37" fmla="*/ 1552 h 1792"/>
                  <a:gd name="T38" fmla="*/ 1476 w 1558"/>
                  <a:gd name="T39" fmla="*/ 1354 h 1792"/>
                  <a:gd name="T40" fmla="*/ 1371 w 1558"/>
                  <a:gd name="T41" fmla="*/ 1185 h 1792"/>
                  <a:gd name="T42" fmla="*/ 1227 w 1558"/>
                  <a:gd name="T43" fmla="*/ 1049 h 1792"/>
                  <a:gd name="T44" fmla="*/ 1224 w 1558"/>
                  <a:gd name="T45" fmla="*/ 939 h 1792"/>
                  <a:gd name="T46" fmla="*/ 1272 w 1558"/>
                  <a:gd name="T47" fmla="*/ 764 h 1792"/>
                  <a:gd name="T48" fmla="*/ 1276 w 1558"/>
                  <a:gd name="T49" fmla="*/ 638 h 1792"/>
                  <a:gd name="T50" fmla="*/ 1257 w 1558"/>
                  <a:gd name="T51" fmla="*/ 504 h 1792"/>
                  <a:gd name="T52" fmla="*/ 1214 w 1558"/>
                  <a:gd name="T53" fmla="*/ 381 h 1792"/>
                  <a:gd name="T54" fmla="*/ 1149 w 1558"/>
                  <a:gd name="T55" fmla="*/ 270 h 1792"/>
                  <a:gd name="T56" fmla="*/ 1065 w 1558"/>
                  <a:gd name="T57" fmla="*/ 175 h 1792"/>
                  <a:gd name="T58" fmla="*/ 966 w 1558"/>
                  <a:gd name="T59" fmla="*/ 98 h 1792"/>
                  <a:gd name="T60" fmla="*/ 853 w 1558"/>
                  <a:gd name="T61" fmla="*/ 42 h 1792"/>
                  <a:gd name="T62" fmla="*/ 729 w 1558"/>
                  <a:gd name="T63" fmla="*/ 9 h 1792"/>
                  <a:gd name="T64" fmla="*/ 631 w 1558"/>
                  <a:gd name="T65" fmla="*/ 0 h 1792"/>
                  <a:gd name="T66" fmla="*/ 518 w 1558"/>
                  <a:gd name="T67" fmla="*/ 10 h 1792"/>
                  <a:gd name="T68" fmla="*/ 411 w 1558"/>
                  <a:gd name="T69" fmla="*/ 40 h 1792"/>
                  <a:gd name="T70" fmla="*/ 313 w 1558"/>
                  <a:gd name="T71" fmla="*/ 88 h 1792"/>
                  <a:gd name="T72" fmla="*/ 224 w 1558"/>
                  <a:gd name="T73" fmla="*/ 150 h 1792"/>
                  <a:gd name="T74" fmla="*/ 147 w 1558"/>
                  <a:gd name="T75" fmla="*/ 227 h 1792"/>
                  <a:gd name="T76" fmla="*/ 83 w 1558"/>
                  <a:gd name="T77" fmla="*/ 317 h 1792"/>
                  <a:gd name="T78" fmla="*/ 34 w 1558"/>
                  <a:gd name="T79" fmla="*/ 417 h 1792"/>
                  <a:gd name="T80" fmla="*/ 0 w 1558"/>
                  <a:gd name="T81" fmla="*/ 525 h 1792"/>
                  <a:gd name="T82" fmla="*/ 115 w 1558"/>
                  <a:gd name="T83" fmla="*/ 595 h 1792"/>
                  <a:gd name="T84" fmla="*/ 155 w 1558"/>
                  <a:gd name="T85" fmla="*/ 574 h 1792"/>
                  <a:gd name="T86" fmla="*/ 180 w 1558"/>
                  <a:gd name="T87" fmla="*/ 481 h 1792"/>
                  <a:gd name="T88" fmla="*/ 220 w 1558"/>
                  <a:gd name="T89" fmla="*/ 395 h 1792"/>
                  <a:gd name="T90" fmla="*/ 273 w 1558"/>
                  <a:gd name="T91" fmla="*/ 319 h 1792"/>
                  <a:gd name="T92" fmla="*/ 339 w 1558"/>
                  <a:gd name="T93" fmla="*/ 255 h 1792"/>
                  <a:gd name="T94" fmla="*/ 413 w 1558"/>
                  <a:gd name="T95" fmla="*/ 205 h 1792"/>
                  <a:gd name="T96" fmla="*/ 496 w 1558"/>
                  <a:gd name="T97" fmla="*/ 169 h 1792"/>
                  <a:gd name="T98" fmla="*/ 585 w 1558"/>
                  <a:gd name="T99" fmla="*/ 151 h 17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558" h="1792">
                    <a:moveTo>
                      <a:pt x="631" y="148"/>
                    </a:moveTo>
                    <a:lnTo>
                      <a:pt x="631" y="148"/>
                    </a:lnTo>
                    <a:lnTo>
                      <a:pt x="656" y="150"/>
                    </a:lnTo>
                    <a:lnTo>
                      <a:pt x="681" y="151"/>
                    </a:lnTo>
                    <a:lnTo>
                      <a:pt x="705" y="154"/>
                    </a:lnTo>
                    <a:lnTo>
                      <a:pt x="729" y="160"/>
                    </a:lnTo>
                    <a:lnTo>
                      <a:pt x="752" y="165"/>
                    </a:lnTo>
                    <a:lnTo>
                      <a:pt x="775" y="172"/>
                    </a:lnTo>
                    <a:lnTo>
                      <a:pt x="797" y="181"/>
                    </a:lnTo>
                    <a:lnTo>
                      <a:pt x="819" y="190"/>
                    </a:lnTo>
                    <a:lnTo>
                      <a:pt x="841" y="200"/>
                    </a:lnTo>
                    <a:lnTo>
                      <a:pt x="862" y="212"/>
                    </a:lnTo>
                    <a:lnTo>
                      <a:pt x="882" y="225"/>
                    </a:lnTo>
                    <a:lnTo>
                      <a:pt x="902" y="239"/>
                    </a:lnTo>
                    <a:lnTo>
                      <a:pt x="920" y="254"/>
                    </a:lnTo>
                    <a:lnTo>
                      <a:pt x="939" y="268"/>
                    </a:lnTo>
                    <a:lnTo>
                      <a:pt x="957" y="285"/>
                    </a:lnTo>
                    <a:lnTo>
                      <a:pt x="974" y="303"/>
                    </a:lnTo>
                    <a:lnTo>
                      <a:pt x="990" y="320"/>
                    </a:lnTo>
                    <a:lnTo>
                      <a:pt x="1005" y="340"/>
                    </a:lnTo>
                    <a:lnTo>
                      <a:pt x="1020" y="359"/>
                    </a:lnTo>
                    <a:lnTo>
                      <a:pt x="1033" y="380"/>
                    </a:lnTo>
                    <a:lnTo>
                      <a:pt x="1045" y="400"/>
                    </a:lnTo>
                    <a:lnTo>
                      <a:pt x="1057" y="423"/>
                    </a:lnTo>
                    <a:lnTo>
                      <a:pt x="1068" y="445"/>
                    </a:lnTo>
                    <a:lnTo>
                      <a:pt x="1077" y="469"/>
                    </a:lnTo>
                    <a:lnTo>
                      <a:pt x="1086" y="492"/>
                    </a:lnTo>
                    <a:lnTo>
                      <a:pt x="1094" y="516"/>
                    </a:lnTo>
                    <a:lnTo>
                      <a:pt x="1101" y="541"/>
                    </a:lnTo>
                    <a:lnTo>
                      <a:pt x="1106" y="567"/>
                    </a:lnTo>
                    <a:lnTo>
                      <a:pt x="1110" y="593"/>
                    </a:lnTo>
                    <a:lnTo>
                      <a:pt x="1113" y="619"/>
                    </a:lnTo>
                    <a:lnTo>
                      <a:pt x="1114" y="645"/>
                    </a:lnTo>
                    <a:lnTo>
                      <a:pt x="1116" y="672"/>
                    </a:lnTo>
                    <a:lnTo>
                      <a:pt x="1116" y="672"/>
                    </a:lnTo>
                    <a:lnTo>
                      <a:pt x="1114" y="718"/>
                    </a:lnTo>
                    <a:lnTo>
                      <a:pt x="1109" y="761"/>
                    </a:lnTo>
                    <a:lnTo>
                      <a:pt x="1100" y="805"/>
                    </a:lnTo>
                    <a:lnTo>
                      <a:pt x="1088" y="847"/>
                    </a:lnTo>
                    <a:lnTo>
                      <a:pt x="1073" y="887"/>
                    </a:lnTo>
                    <a:lnTo>
                      <a:pt x="1054" y="927"/>
                    </a:lnTo>
                    <a:lnTo>
                      <a:pt x="1043" y="946"/>
                    </a:lnTo>
                    <a:lnTo>
                      <a:pt x="1033" y="966"/>
                    </a:lnTo>
                    <a:lnTo>
                      <a:pt x="1021" y="983"/>
                    </a:lnTo>
                    <a:lnTo>
                      <a:pt x="1008" y="1001"/>
                    </a:lnTo>
                    <a:lnTo>
                      <a:pt x="957" y="1068"/>
                    </a:lnTo>
                    <a:lnTo>
                      <a:pt x="1034" y="1108"/>
                    </a:lnTo>
                    <a:lnTo>
                      <a:pt x="1034" y="1108"/>
                    </a:lnTo>
                    <a:lnTo>
                      <a:pt x="1071" y="1129"/>
                    </a:lnTo>
                    <a:lnTo>
                      <a:pt x="1107" y="1151"/>
                    </a:lnTo>
                    <a:lnTo>
                      <a:pt x="1141" y="1176"/>
                    </a:lnTo>
                    <a:lnTo>
                      <a:pt x="1172" y="1201"/>
                    </a:lnTo>
                    <a:lnTo>
                      <a:pt x="1202" y="1230"/>
                    </a:lnTo>
                    <a:lnTo>
                      <a:pt x="1229" y="1259"/>
                    </a:lnTo>
                    <a:lnTo>
                      <a:pt x="1254" y="1290"/>
                    </a:lnTo>
                    <a:lnTo>
                      <a:pt x="1278" y="1325"/>
                    </a:lnTo>
                    <a:lnTo>
                      <a:pt x="1300" y="1359"/>
                    </a:lnTo>
                    <a:lnTo>
                      <a:pt x="1319" y="1394"/>
                    </a:lnTo>
                    <a:lnTo>
                      <a:pt x="1335" y="1433"/>
                    </a:lnTo>
                    <a:lnTo>
                      <a:pt x="1352" y="1471"/>
                    </a:lnTo>
                    <a:lnTo>
                      <a:pt x="1364" y="1513"/>
                    </a:lnTo>
                    <a:lnTo>
                      <a:pt x="1374" y="1555"/>
                    </a:lnTo>
                    <a:lnTo>
                      <a:pt x="1383" y="1598"/>
                    </a:lnTo>
                    <a:lnTo>
                      <a:pt x="1389" y="1644"/>
                    </a:lnTo>
                    <a:lnTo>
                      <a:pt x="407" y="1644"/>
                    </a:lnTo>
                    <a:lnTo>
                      <a:pt x="407" y="1644"/>
                    </a:lnTo>
                    <a:lnTo>
                      <a:pt x="447" y="1678"/>
                    </a:lnTo>
                    <a:lnTo>
                      <a:pt x="485" y="1713"/>
                    </a:lnTo>
                    <a:lnTo>
                      <a:pt x="521" y="1752"/>
                    </a:lnTo>
                    <a:lnTo>
                      <a:pt x="554" y="1792"/>
                    </a:lnTo>
                    <a:lnTo>
                      <a:pt x="1558" y="1792"/>
                    </a:lnTo>
                    <a:lnTo>
                      <a:pt x="1557" y="1715"/>
                    </a:lnTo>
                    <a:lnTo>
                      <a:pt x="1557" y="1715"/>
                    </a:lnTo>
                    <a:lnTo>
                      <a:pt x="1554" y="1658"/>
                    </a:lnTo>
                    <a:lnTo>
                      <a:pt x="1548" y="1605"/>
                    </a:lnTo>
                    <a:lnTo>
                      <a:pt x="1539" y="1552"/>
                    </a:lnTo>
                    <a:lnTo>
                      <a:pt x="1527" y="1500"/>
                    </a:lnTo>
                    <a:lnTo>
                      <a:pt x="1513" y="1449"/>
                    </a:lnTo>
                    <a:lnTo>
                      <a:pt x="1496" y="1400"/>
                    </a:lnTo>
                    <a:lnTo>
                      <a:pt x="1476" y="1354"/>
                    </a:lnTo>
                    <a:lnTo>
                      <a:pt x="1454" y="1310"/>
                    </a:lnTo>
                    <a:lnTo>
                      <a:pt x="1429" y="1267"/>
                    </a:lnTo>
                    <a:lnTo>
                      <a:pt x="1402" y="1225"/>
                    </a:lnTo>
                    <a:lnTo>
                      <a:pt x="1371" y="1185"/>
                    </a:lnTo>
                    <a:lnTo>
                      <a:pt x="1340" y="1148"/>
                    </a:lnTo>
                    <a:lnTo>
                      <a:pt x="1304" y="1112"/>
                    </a:lnTo>
                    <a:lnTo>
                      <a:pt x="1267" y="1080"/>
                    </a:lnTo>
                    <a:lnTo>
                      <a:pt x="1227" y="1049"/>
                    </a:lnTo>
                    <a:lnTo>
                      <a:pt x="1184" y="1019"/>
                    </a:lnTo>
                    <a:lnTo>
                      <a:pt x="1184" y="1019"/>
                    </a:lnTo>
                    <a:lnTo>
                      <a:pt x="1206" y="979"/>
                    </a:lnTo>
                    <a:lnTo>
                      <a:pt x="1224" y="939"/>
                    </a:lnTo>
                    <a:lnTo>
                      <a:pt x="1241" y="896"/>
                    </a:lnTo>
                    <a:lnTo>
                      <a:pt x="1254" y="853"/>
                    </a:lnTo>
                    <a:lnTo>
                      <a:pt x="1264" y="810"/>
                    </a:lnTo>
                    <a:lnTo>
                      <a:pt x="1272" y="764"/>
                    </a:lnTo>
                    <a:lnTo>
                      <a:pt x="1276" y="719"/>
                    </a:lnTo>
                    <a:lnTo>
                      <a:pt x="1278" y="672"/>
                    </a:lnTo>
                    <a:lnTo>
                      <a:pt x="1278" y="672"/>
                    </a:lnTo>
                    <a:lnTo>
                      <a:pt x="1276" y="638"/>
                    </a:lnTo>
                    <a:lnTo>
                      <a:pt x="1275" y="604"/>
                    </a:lnTo>
                    <a:lnTo>
                      <a:pt x="1270" y="570"/>
                    </a:lnTo>
                    <a:lnTo>
                      <a:pt x="1264" y="537"/>
                    </a:lnTo>
                    <a:lnTo>
                      <a:pt x="1257" y="504"/>
                    </a:lnTo>
                    <a:lnTo>
                      <a:pt x="1248" y="473"/>
                    </a:lnTo>
                    <a:lnTo>
                      <a:pt x="1238" y="442"/>
                    </a:lnTo>
                    <a:lnTo>
                      <a:pt x="1226" y="411"/>
                    </a:lnTo>
                    <a:lnTo>
                      <a:pt x="1214" y="381"/>
                    </a:lnTo>
                    <a:lnTo>
                      <a:pt x="1199" y="353"/>
                    </a:lnTo>
                    <a:lnTo>
                      <a:pt x="1184" y="325"/>
                    </a:lnTo>
                    <a:lnTo>
                      <a:pt x="1166" y="297"/>
                    </a:lnTo>
                    <a:lnTo>
                      <a:pt x="1149" y="270"/>
                    </a:lnTo>
                    <a:lnTo>
                      <a:pt x="1129" y="245"/>
                    </a:lnTo>
                    <a:lnTo>
                      <a:pt x="1109" y="221"/>
                    </a:lnTo>
                    <a:lnTo>
                      <a:pt x="1088" y="197"/>
                    </a:lnTo>
                    <a:lnTo>
                      <a:pt x="1065" y="175"/>
                    </a:lnTo>
                    <a:lnTo>
                      <a:pt x="1042" y="154"/>
                    </a:lnTo>
                    <a:lnTo>
                      <a:pt x="1018" y="133"/>
                    </a:lnTo>
                    <a:lnTo>
                      <a:pt x="993" y="116"/>
                    </a:lnTo>
                    <a:lnTo>
                      <a:pt x="966" y="98"/>
                    </a:lnTo>
                    <a:lnTo>
                      <a:pt x="939" y="82"/>
                    </a:lnTo>
                    <a:lnTo>
                      <a:pt x="911" y="67"/>
                    </a:lnTo>
                    <a:lnTo>
                      <a:pt x="883" y="53"/>
                    </a:lnTo>
                    <a:lnTo>
                      <a:pt x="853" y="42"/>
                    </a:lnTo>
                    <a:lnTo>
                      <a:pt x="824" y="31"/>
                    </a:lnTo>
                    <a:lnTo>
                      <a:pt x="793" y="22"/>
                    </a:lnTo>
                    <a:lnTo>
                      <a:pt x="761" y="15"/>
                    </a:lnTo>
                    <a:lnTo>
                      <a:pt x="729" y="9"/>
                    </a:lnTo>
                    <a:lnTo>
                      <a:pt x="698" y="4"/>
                    </a:lnTo>
                    <a:lnTo>
                      <a:pt x="665" y="1"/>
                    </a:lnTo>
                    <a:lnTo>
                      <a:pt x="631" y="0"/>
                    </a:lnTo>
                    <a:lnTo>
                      <a:pt x="631" y="0"/>
                    </a:lnTo>
                    <a:lnTo>
                      <a:pt x="603" y="1"/>
                    </a:lnTo>
                    <a:lnTo>
                      <a:pt x="574" y="3"/>
                    </a:lnTo>
                    <a:lnTo>
                      <a:pt x="546" y="6"/>
                    </a:lnTo>
                    <a:lnTo>
                      <a:pt x="518" y="10"/>
                    </a:lnTo>
                    <a:lnTo>
                      <a:pt x="491" y="16"/>
                    </a:lnTo>
                    <a:lnTo>
                      <a:pt x="465" y="24"/>
                    </a:lnTo>
                    <a:lnTo>
                      <a:pt x="438" y="31"/>
                    </a:lnTo>
                    <a:lnTo>
                      <a:pt x="411" y="40"/>
                    </a:lnTo>
                    <a:lnTo>
                      <a:pt x="386" y="50"/>
                    </a:lnTo>
                    <a:lnTo>
                      <a:pt x="362" y="62"/>
                    </a:lnTo>
                    <a:lnTo>
                      <a:pt x="337" y="74"/>
                    </a:lnTo>
                    <a:lnTo>
                      <a:pt x="313" y="88"/>
                    </a:lnTo>
                    <a:lnTo>
                      <a:pt x="291" y="102"/>
                    </a:lnTo>
                    <a:lnTo>
                      <a:pt x="267" y="117"/>
                    </a:lnTo>
                    <a:lnTo>
                      <a:pt x="247" y="133"/>
                    </a:lnTo>
                    <a:lnTo>
                      <a:pt x="224" y="150"/>
                    </a:lnTo>
                    <a:lnTo>
                      <a:pt x="205" y="169"/>
                    </a:lnTo>
                    <a:lnTo>
                      <a:pt x="184" y="187"/>
                    </a:lnTo>
                    <a:lnTo>
                      <a:pt x="167" y="208"/>
                    </a:lnTo>
                    <a:lnTo>
                      <a:pt x="147" y="227"/>
                    </a:lnTo>
                    <a:lnTo>
                      <a:pt x="131" y="249"/>
                    </a:lnTo>
                    <a:lnTo>
                      <a:pt x="113" y="270"/>
                    </a:lnTo>
                    <a:lnTo>
                      <a:pt x="98" y="294"/>
                    </a:lnTo>
                    <a:lnTo>
                      <a:pt x="83" y="317"/>
                    </a:lnTo>
                    <a:lnTo>
                      <a:pt x="70" y="341"/>
                    </a:lnTo>
                    <a:lnTo>
                      <a:pt x="57" y="365"/>
                    </a:lnTo>
                    <a:lnTo>
                      <a:pt x="45" y="390"/>
                    </a:lnTo>
                    <a:lnTo>
                      <a:pt x="34" y="417"/>
                    </a:lnTo>
                    <a:lnTo>
                      <a:pt x="24" y="444"/>
                    </a:lnTo>
                    <a:lnTo>
                      <a:pt x="15" y="470"/>
                    </a:lnTo>
                    <a:lnTo>
                      <a:pt x="8" y="497"/>
                    </a:lnTo>
                    <a:lnTo>
                      <a:pt x="0" y="525"/>
                    </a:lnTo>
                    <a:lnTo>
                      <a:pt x="0" y="525"/>
                    </a:lnTo>
                    <a:lnTo>
                      <a:pt x="40" y="546"/>
                    </a:lnTo>
                    <a:lnTo>
                      <a:pt x="78" y="570"/>
                    </a:lnTo>
                    <a:lnTo>
                      <a:pt x="115" y="595"/>
                    </a:lnTo>
                    <a:lnTo>
                      <a:pt x="149" y="623"/>
                    </a:lnTo>
                    <a:lnTo>
                      <a:pt x="149" y="623"/>
                    </a:lnTo>
                    <a:lnTo>
                      <a:pt x="152" y="598"/>
                    </a:lnTo>
                    <a:lnTo>
                      <a:pt x="155" y="574"/>
                    </a:lnTo>
                    <a:lnTo>
                      <a:pt x="161" y="549"/>
                    </a:lnTo>
                    <a:lnTo>
                      <a:pt x="167" y="527"/>
                    </a:lnTo>
                    <a:lnTo>
                      <a:pt x="172" y="503"/>
                    </a:lnTo>
                    <a:lnTo>
                      <a:pt x="180" y="481"/>
                    </a:lnTo>
                    <a:lnTo>
                      <a:pt x="189" y="458"/>
                    </a:lnTo>
                    <a:lnTo>
                      <a:pt x="199" y="436"/>
                    </a:lnTo>
                    <a:lnTo>
                      <a:pt x="210" y="415"/>
                    </a:lnTo>
                    <a:lnTo>
                      <a:pt x="220" y="395"/>
                    </a:lnTo>
                    <a:lnTo>
                      <a:pt x="232" y="375"/>
                    </a:lnTo>
                    <a:lnTo>
                      <a:pt x="245" y="356"/>
                    </a:lnTo>
                    <a:lnTo>
                      <a:pt x="258" y="337"/>
                    </a:lnTo>
                    <a:lnTo>
                      <a:pt x="273" y="319"/>
                    </a:lnTo>
                    <a:lnTo>
                      <a:pt x="288" y="303"/>
                    </a:lnTo>
                    <a:lnTo>
                      <a:pt x="304" y="286"/>
                    </a:lnTo>
                    <a:lnTo>
                      <a:pt x="321" y="270"/>
                    </a:lnTo>
                    <a:lnTo>
                      <a:pt x="339" y="255"/>
                    </a:lnTo>
                    <a:lnTo>
                      <a:pt x="356" y="242"/>
                    </a:lnTo>
                    <a:lnTo>
                      <a:pt x="374" y="228"/>
                    </a:lnTo>
                    <a:lnTo>
                      <a:pt x="393" y="217"/>
                    </a:lnTo>
                    <a:lnTo>
                      <a:pt x="413" y="205"/>
                    </a:lnTo>
                    <a:lnTo>
                      <a:pt x="432" y="194"/>
                    </a:lnTo>
                    <a:lnTo>
                      <a:pt x="453" y="185"/>
                    </a:lnTo>
                    <a:lnTo>
                      <a:pt x="474" y="177"/>
                    </a:lnTo>
                    <a:lnTo>
                      <a:pt x="496" y="169"/>
                    </a:lnTo>
                    <a:lnTo>
                      <a:pt x="517" y="163"/>
                    </a:lnTo>
                    <a:lnTo>
                      <a:pt x="539" y="159"/>
                    </a:lnTo>
                    <a:lnTo>
                      <a:pt x="561" y="154"/>
                    </a:lnTo>
                    <a:lnTo>
                      <a:pt x="585" y="151"/>
                    </a:lnTo>
                    <a:lnTo>
                      <a:pt x="607" y="150"/>
                    </a:lnTo>
                    <a:lnTo>
                      <a:pt x="631" y="148"/>
                    </a:lnTo>
                    <a:lnTo>
                      <a:pt x="631" y="14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endParaRPr>
              </a:p>
            </p:txBody>
          </p:sp>
          <p:sp>
            <p:nvSpPr>
              <p:cNvPr id="108" name="Freeform 6">
                <a:extLst>
                  <a:ext uri="{FF2B5EF4-FFF2-40B4-BE49-F238E27FC236}">
                    <a16:creationId xmlns:a16="http://schemas.microsoft.com/office/drawing/2014/main" id="{2AD3FEB2-8347-4FAF-A1F9-C970597AF6E5}"/>
                  </a:ext>
                </a:extLst>
              </p:cNvPr>
              <p:cNvSpPr>
                <a:spLocks/>
              </p:cNvSpPr>
              <p:nvPr/>
            </p:nvSpPr>
            <p:spPr bwMode="auto">
              <a:xfrm>
                <a:off x="1042" y="486"/>
                <a:ext cx="1522" cy="1792"/>
              </a:xfrm>
              <a:custGeom>
                <a:avLst/>
                <a:gdLst>
                  <a:gd name="T0" fmla="*/ 166 w 1522"/>
                  <a:gd name="T1" fmla="*/ 1599 h 1792"/>
                  <a:gd name="T2" fmla="*/ 205 w 1522"/>
                  <a:gd name="T3" fmla="*/ 1433 h 1792"/>
                  <a:gd name="T4" fmla="*/ 280 w 1522"/>
                  <a:gd name="T5" fmla="*/ 1292 h 1792"/>
                  <a:gd name="T6" fmla="*/ 390 w 1522"/>
                  <a:gd name="T7" fmla="*/ 1176 h 1792"/>
                  <a:gd name="T8" fmla="*/ 571 w 1522"/>
                  <a:gd name="T9" fmla="*/ 1068 h 1792"/>
                  <a:gd name="T10" fmla="*/ 495 w 1522"/>
                  <a:gd name="T11" fmla="*/ 966 h 1792"/>
                  <a:gd name="T12" fmla="*/ 455 w 1522"/>
                  <a:gd name="T13" fmla="*/ 889 h 1792"/>
                  <a:gd name="T14" fmla="*/ 414 w 1522"/>
                  <a:gd name="T15" fmla="*/ 718 h 1792"/>
                  <a:gd name="T16" fmla="*/ 415 w 1522"/>
                  <a:gd name="T17" fmla="*/ 619 h 1792"/>
                  <a:gd name="T18" fmla="*/ 435 w 1522"/>
                  <a:gd name="T19" fmla="*/ 516 h 1792"/>
                  <a:gd name="T20" fmla="*/ 472 w 1522"/>
                  <a:gd name="T21" fmla="*/ 423 h 1792"/>
                  <a:gd name="T22" fmla="*/ 524 w 1522"/>
                  <a:gd name="T23" fmla="*/ 340 h 1792"/>
                  <a:gd name="T24" fmla="*/ 589 w 1522"/>
                  <a:gd name="T25" fmla="*/ 268 h 1792"/>
                  <a:gd name="T26" fmla="*/ 666 w 1522"/>
                  <a:gd name="T27" fmla="*/ 212 h 1792"/>
                  <a:gd name="T28" fmla="*/ 754 w 1522"/>
                  <a:gd name="T29" fmla="*/ 172 h 1792"/>
                  <a:gd name="T30" fmla="*/ 847 w 1522"/>
                  <a:gd name="T31" fmla="*/ 151 h 1792"/>
                  <a:gd name="T32" fmla="*/ 920 w 1522"/>
                  <a:gd name="T33" fmla="*/ 150 h 1792"/>
                  <a:gd name="T34" fmla="*/ 1006 w 1522"/>
                  <a:gd name="T35" fmla="*/ 162 h 1792"/>
                  <a:gd name="T36" fmla="*/ 1086 w 1522"/>
                  <a:gd name="T37" fmla="*/ 190 h 1792"/>
                  <a:gd name="T38" fmla="*/ 1160 w 1522"/>
                  <a:gd name="T39" fmla="*/ 233 h 1792"/>
                  <a:gd name="T40" fmla="*/ 1225 w 1522"/>
                  <a:gd name="T41" fmla="*/ 288 h 1792"/>
                  <a:gd name="T42" fmla="*/ 1282 w 1522"/>
                  <a:gd name="T43" fmla="*/ 355 h 1792"/>
                  <a:gd name="T44" fmla="*/ 1326 w 1522"/>
                  <a:gd name="T45" fmla="*/ 430 h 1792"/>
                  <a:gd name="T46" fmla="*/ 1359 w 1522"/>
                  <a:gd name="T47" fmla="*/ 513 h 1792"/>
                  <a:gd name="T48" fmla="*/ 1374 w 1522"/>
                  <a:gd name="T49" fmla="*/ 581 h 1792"/>
                  <a:gd name="T50" fmla="*/ 1522 w 1522"/>
                  <a:gd name="T51" fmla="*/ 501 h 1792"/>
                  <a:gd name="T52" fmla="*/ 1497 w 1522"/>
                  <a:gd name="T53" fmla="*/ 423 h 1792"/>
                  <a:gd name="T54" fmla="*/ 1449 w 1522"/>
                  <a:gd name="T55" fmla="*/ 325 h 1792"/>
                  <a:gd name="T56" fmla="*/ 1389 w 1522"/>
                  <a:gd name="T57" fmla="*/ 237 h 1792"/>
                  <a:gd name="T58" fmla="*/ 1314 w 1522"/>
                  <a:gd name="T59" fmla="*/ 160 h 1792"/>
                  <a:gd name="T60" fmla="*/ 1230 w 1522"/>
                  <a:gd name="T61" fmla="*/ 96 h 1792"/>
                  <a:gd name="T62" fmla="*/ 1136 w 1522"/>
                  <a:gd name="T63" fmla="*/ 47 h 1792"/>
                  <a:gd name="T64" fmla="*/ 1034 w 1522"/>
                  <a:gd name="T65" fmla="*/ 15 h 1792"/>
                  <a:gd name="T66" fmla="*/ 926 w 1522"/>
                  <a:gd name="T67" fmla="*/ 1 h 1792"/>
                  <a:gd name="T68" fmla="*/ 831 w 1522"/>
                  <a:gd name="T69" fmla="*/ 4 h 1792"/>
                  <a:gd name="T70" fmla="*/ 705 w 1522"/>
                  <a:gd name="T71" fmla="*/ 31 h 1792"/>
                  <a:gd name="T72" fmla="*/ 589 w 1522"/>
                  <a:gd name="T73" fmla="*/ 82 h 1792"/>
                  <a:gd name="T74" fmla="*/ 487 w 1522"/>
                  <a:gd name="T75" fmla="*/ 154 h 1792"/>
                  <a:gd name="T76" fmla="*/ 399 w 1522"/>
                  <a:gd name="T77" fmla="*/ 245 h 1792"/>
                  <a:gd name="T78" fmla="*/ 329 w 1522"/>
                  <a:gd name="T79" fmla="*/ 353 h 1792"/>
                  <a:gd name="T80" fmla="*/ 280 w 1522"/>
                  <a:gd name="T81" fmla="*/ 473 h 1792"/>
                  <a:gd name="T82" fmla="*/ 254 w 1522"/>
                  <a:gd name="T83" fmla="*/ 604 h 1792"/>
                  <a:gd name="T84" fmla="*/ 252 w 1522"/>
                  <a:gd name="T85" fmla="*/ 719 h 1792"/>
                  <a:gd name="T86" fmla="*/ 288 w 1522"/>
                  <a:gd name="T87" fmla="*/ 897 h 1792"/>
                  <a:gd name="T88" fmla="*/ 344 w 1522"/>
                  <a:gd name="T89" fmla="*/ 1021 h 1792"/>
                  <a:gd name="T90" fmla="*/ 191 w 1522"/>
                  <a:gd name="T91" fmla="*/ 1150 h 1792"/>
                  <a:gd name="T92" fmla="*/ 83 w 1522"/>
                  <a:gd name="T93" fmla="*/ 1313 h 1792"/>
                  <a:gd name="T94" fmla="*/ 18 w 1522"/>
                  <a:gd name="T95" fmla="*/ 1503 h 1792"/>
                  <a:gd name="T96" fmla="*/ 0 w 1522"/>
                  <a:gd name="T97" fmla="*/ 1719 h 1792"/>
                  <a:gd name="T98" fmla="*/ 939 w 1522"/>
                  <a:gd name="T99" fmla="*/ 1771 h 1792"/>
                  <a:gd name="T100" fmla="*/ 1067 w 1522"/>
                  <a:gd name="T101" fmla="*/ 1644 h 17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1522" h="1792">
                    <a:moveTo>
                      <a:pt x="1067" y="1644"/>
                    </a:moveTo>
                    <a:lnTo>
                      <a:pt x="163" y="1644"/>
                    </a:lnTo>
                    <a:lnTo>
                      <a:pt x="163" y="1644"/>
                    </a:lnTo>
                    <a:lnTo>
                      <a:pt x="166" y="1599"/>
                    </a:lnTo>
                    <a:lnTo>
                      <a:pt x="172" y="1555"/>
                    </a:lnTo>
                    <a:lnTo>
                      <a:pt x="181" y="1513"/>
                    </a:lnTo>
                    <a:lnTo>
                      <a:pt x="191" y="1473"/>
                    </a:lnTo>
                    <a:lnTo>
                      <a:pt x="205" y="1433"/>
                    </a:lnTo>
                    <a:lnTo>
                      <a:pt x="220" y="1396"/>
                    </a:lnTo>
                    <a:lnTo>
                      <a:pt x="237" y="1360"/>
                    </a:lnTo>
                    <a:lnTo>
                      <a:pt x="258" y="1325"/>
                    </a:lnTo>
                    <a:lnTo>
                      <a:pt x="280" y="1292"/>
                    </a:lnTo>
                    <a:lnTo>
                      <a:pt x="304" y="1261"/>
                    </a:lnTo>
                    <a:lnTo>
                      <a:pt x="331" y="1231"/>
                    </a:lnTo>
                    <a:lnTo>
                      <a:pt x="359" y="1203"/>
                    </a:lnTo>
                    <a:lnTo>
                      <a:pt x="390" y="1176"/>
                    </a:lnTo>
                    <a:lnTo>
                      <a:pt x="423" y="1153"/>
                    </a:lnTo>
                    <a:lnTo>
                      <a:pt x="457" y="1129"/>
                    </a:lnTo>
                    <a:lnTo>
                      <a:pt x="494" y="1108"/>
                    </a:lnTo>
                    <a:lnTo>
                      <a:pt x="571" y="1068"/>
                    </a:lnTo>
                    <a:lnTo>
                      <a:pt x="521" y="1001"/>
                    </a:lnTo>
                    <a:lnTo>
                      <a:pt x="521" y="1001"/>
                    </a:lnTo>
                    <a:lnTo>
                      <a:pt x="509" y="983"/>
                    </a:lnTo>
                    <a:lnTo>
                      <a:pt x="495" y="966"/>
                    </a:lnTo>
                    <a:lnTo>
                      <a:pt x="485" y="946"/>
                    </a:lnTo>
                    <a:lnTo>
                      <a:pt x="475" y="927"/>
                    </a:lnTo>
                    <a:lnTo>
                      <a:pt x="464" y="908"/>
                    </a:lnTo>
                    <a:lnTo>
                      <a:pt x="455" y="889"/>
                    </a:lnTo>
                    <a:lnTo>
                      <a:pt x="441" y="847"/>
                    </a:lnTo>
                    <a:lnTo>
                      <a:pt x="429" y="805"/>
                    </a:lnTo>
                    <a:lnTo>
                      <a:pt x="420" y="762"/>
                    </a:lnTo>
                    <a:lnTo>
                      <a:pt x="414" y="718"/>
                    </a:lnTo>
                    <a:lnTo>
                      <a:pt x="412" y="672"/>
                    </a:lnTo>
                    <a:lnTo>
                      <a:pt x="412" y="672"/>
                    </a:lnTo>
                    <a:lnTo>
                      <a:pt x="414" y="645"/>
                    </a:lnTo>
                    <a:lnTo>
                      <a:pt x="415" y="619"/>
                    </a:lnTo>
                    <a:lnTo>
                      <a:pt x="418" y="593"/>
                    </a:lnTo>
                    <a:lnTo>
                      <a:pt x="423" y="567"/>
                    </a:lnTo>
                    <a:lnTo>
                      <a:pt x="427" y="541"/>
                    </a:lnTo>
                    <a:lnTo>
                      <a:pt x="435" y="516"/>
                    </a:lnTo>
                    <a:lnTo>
                      <a:pt x="442" y="492"/>
                    </a:lnTo>
                    <a:lnTo>
                      <a:pt x="451" y="469"/>
                    </a:lnTo>
                    <a:lnTo>
                      <a:pt x="460" y="445"/>
                    </a:lnTo>
                    <a:lnTo>
                      <a:pt x="472" y="423"/>
                    </a:lnTo>
                    <a:lnTo>
                      <a:pt x="484" y="400"/>
                    </a:lnTo>
                    <a:lnTo>
                      <a:pt x="495" y="380"/>
                    </a:lnTo>
                    <a:lnTo>
                      <a:pt x="509" y="359"/>
                    </a:lnTo>
                    <a:lnTo>
                      <a:pt x="524" y="340"/>
                    </a:lnTo>
                    <a:lnTo>
                      <a:pt x="538" y="320"/>
                    </a:lnTo>
                    <a:lnTo>
                      <a:pt x="555" y="303"/>
                    </a:lnTo>
                    <a:lnTo>
                      <a:pt x="571" y="285"/>
                    </a:lnTo>
                    <a:lnTo>
                      <a:pt x="589" y="268"/>
                    </a:lnTo>
                    <a:lnTo>
                      <a:pt x="607" y="254"/>
                    </a:lnTo>
                    <a:lnTo>
                      <a:pt x="626" y="239"/>
                    </a:lnTo>
                    <a:lnTo>
                      <a:pt x="647" y="225"/>
                    </a:lnTo>
                    <a:lnTo>
                      <a:pt x="666" y="212"/>
                    </a:lnTo>
                    <a:lnTo>
                      <a:pt x="687" y="200"/>
                    </a:lnTo>
                    <a:lnTo>
                      <a:pt x="709" y="190"/>
                    </a:lnTo>
                    <a:lnTo>
                      <a:pt x="731" y="181"/>
                    </a:lnTo>
                    <a:lnTo>
                      <a:pt x="754" y="172"/>
                    </a:lnTo>
                    <a:lnTo>
                      <a:pt x="776" y="165"/>
                    </a:lnTo>
                    <a:lnTo>
                      <a:pt x="800" y="160"/>
                    </a:lnTo>
                    <a:lnTo>
                      <a:pt x="823" y="154"/>
                    </a:lnTo>
                    <a:lnTo>
                      <a:pt x="847" y="151"/>
                    </a:lnTo>
                    <a:lnTo>
                      <a:pt x="872" y="150"/>
                    </a:lnTo>
                    <a:lnTo>
                      <a:pt x="897" y="148"/>
                    </a:lnTo>
                    <a:lnTo>
                      <a:pt x="897" y="148"/>
                    </a:lnTo>
                    <a:lnTo>
                      <a:pt x="920" y="150"/>
                    </a:lnTo>
                    <a:lnTo>
                      <a:pt x="942" y="151"/>
                    </a:lnTo>
                    <a:lnTo>
                      <a:pt x="963" y="154"/>
                    </a:lnTo>
                    <a:lnTo>
                      <a:pt x="985" y="157"/>
                    </a:lnTo>
                    <a:lnTo>
                      <a:pt x="1006" y="162"/>
                    </a:lnTo>
                    <a:lnTo>
                      <a:pt x="1027" y="168"/>
                    </a:lnTo>
                    <a:lnTo>
                      <a:pt x="1047" y="175"/>
                    </a:lnTo>
                    <a:lnTo>
                      <a:pt x="1067" y="182"/>
                    </a:lnTo>
                    <a:lnTo>
                      <a:pt x="1086" y="190"/>
                    </a:lnTo>
                    <a:lnTo>
                      <a:pt x="1105" y="200"/>
                    </a:lnTo>
                    <a:lnTo>
                      <a:pt x="1124" y="209"/>
                    </a:lnTo>
                    <a:lnTo>
                      <a:pt x="1142" y="221"/>
                    </a:lnTo>
                    <a:lnTo>
                      <a:pt x="1160" y="233"/>
                    </a:lnTo>
                    <a:lnTo>
                      <a:pt x="1178" y="245"/>
                    </a:lnTo>
                    <a:lnTo>
                      <a:pt x="1194" y="260"/>
                    </a:lnTo>
                    <a:lnTo>
                      <a:pt x="1210" y="273"/>
                    </a:lnTo>
                    <a:lnTo>
                      <a:pt x="1225" y="288"/>
                    </a:lnTo>
                    <a:lnTo>
                      <a:pt x="1240" y="304"/>
                    </a:lnTo>
                    <a:lnTo>
                      <a:pt x="1255" y="320"/>
                    </a:lnTo>
                    <a:lnTo>
                      <a:pt x="1268" y="337"/>
                    </a:lnTo>
                    <a:lnTo>
                      <a:pt x="1282" y="355"/>
                    </a:lnTo>
                    <a:lnTo>
                      <a:pt x="1294" y="372"/>
                    </a:lnTo>
                    <a:lnTo>
                      <a:pt x="1305" y="392"/>
                    </a:lnTo>
                    <a:lnTo>
                      <a:pt x="1316" y="409"/>
                    </a:lnTo>
                    <a:lnTo>
                      <a:pt x="1326" y="430"/>
                    </a:lnTo>
                    <a:lnTo>
                      <a:pt x="1335" y="449"/>
                    </a:lnTo>
                    <a:lnTo>
                      <a:pt x="1344" y="470"/>
                    </a:lnTo>
                    <a:lnTo>
                      <a:pt x="1351" y="492"/>
                    </a:lnTo>
                    <a:lnTo>
                      <a:pt x="1359" y="513"/>
                    </a:lnTo>
                    <a:lnTo>
                      <a:pt x="1365" y="535"/>
                    </a:lnTo>
                    <a:lnTo>
                      <a:pt x="1369" y="558"/>
                    </a:lnTo>
                    <a:lnTo>
                      <a:pt x="1374" y="581"/>
                    </a:lnTo>
                    <a:lnTo>
                      <a:pt x="1374" y="581"/>
                    </a:lnTo>
                    <a:lnTo>
                      <a:pt x="1409" y="558"/>
                    </a:lnTo>
                    <a:lnTo>
                      <a:pt x="1445" y="537"/>
                    </a:lnTo>
                    <a:lnTo>
                      <a:pt x="1483" y="518"/>
                    </a:lnTo>
                    <a:lnTo>
                      <a:pt x="1522" y="501"/>
                    </a:lnTo>
                    <a:lnTo>
                      <a:pt x="1522" y="501"/>
                    </a:lnTo>
                    <a:lnTo>
                      <a:pt x="1515" y="475"/>
                    </a:lnTo>
                    <a:lnTo>
                      <a:pt x="1506" y="448"/>
                    </a:lnTo>
                    <a:lnTo>
                      <a:pt x="1497" y="423"/>
                    </a:lnTo>
                    <a:lnTo>
                      <a:pt x="1486" y="398"/>
                    </a:lnTo>
                    <a:lnTo>
                      <a:pt x="1475" y="372"/>
                    </a:lnTo>
                    <a:lnTo>
                      <a:pt x="1463" y="349"/>
                    </a:lnTo>
                    <a:lnTo>
                      <a:pt x="1449" y="325"/>
                    </a:lnTo>
                    <a:lnTo>
                      <a:pt x="1436" y="301"/>
                    </a:lnTo>
                    <a:lnTo>
                      <a:pt x="1420" y="279"/>
                    </a:lnTo>
                    <a:lnTo>
                      <a:pt x="1405" y="258"/>
                    </a:lnTo>
                    <a:lnTo>
                      <a:pt x="1389" y="237"/>
                    </a:lnTo>
                    <a:lnTo>
                      <a:pt x="1371" y="217"/>
                    </a:lnTo>
                    <a:lnTo>
                      <a:pt x="1353" y="197"/>
                    </a:lnTo>
                    <a:lnTo>
                      <a:pt x="1334" y="178"/>
                    </a:lnTo>
                    <a:lnTo>
                      <a:pt x="1314" y="160"/>
                    </a:lnTo>
                    <a:lnTo>
                      <a:pt x="1294" y="142"/>
                    </a:lnTo>
                    <a:lnTo>
                      <a:pt x="1273" y="126"/>
                    </a:lnTo>
                    <a:lnTo>
                      <a:pt x="1252" y="111"/>
                    </a:lnTo>
                    <a:lnTo>
                      <a:pt x="1230" y="96"/>
                    </a:lnTo>
                    <a:lnTo>
                      <a:pt x="1208" y="83"/>
                    </a:lnTo>
                    <a:lnTo>
                      <a:pt x="1184" y="70"/>
                    </a:lnTo>
                    <a:lnTo>
                      <a:pt x="1160" y="59"/>
                    </a:lnTo>
                    <a:lnTo>
                      <a:pt x="1136" y="47"/>
                    </a:lnTo>
                    <a:lnTo>
                      <a:pt x="1111" y="39"/>
                    </a:lnTo>
                    <a:lnTo>
                      <a:pt x="1086" y="30"/>
                    </a:lnTo>
                    <a:lnTo>
                      <a:pt x="1059" y="22"/>
                    </a:lnTo>
                    <a:lnTo>
                      <a:pt x="1034" y="15"/>
                    </a:lnTo>
                    <a:lnTo>
                      <a:pt x="1007" y="10"/>
                    </a:lnTo>
                    <a:lnTo>
                      <a:pt x="981" y="6"/>
                    </a:lnTo>
                    <a:lnTo>
                      <a:pt x="952" y="3"/>
                    </a:lnTo>
                    <a:lnTo>
                      <a:pt x="926" y="1"/>
                    </a:lnTo>
                    <a:lnTo>
                      <a:pt x="897" y="0"/>
                    </a:lnTo>
                    <a:lnTo>
                      <a:pt x="897" y="0"/>
                    </a:lnTo>
                    <a:lnTo>
                      <a:pt x="863" y="1"/>
                    </a:lnTo>
                    <a:lnTo>
                      <a:pt x="831" y="4"/>
                    </a:lnTo>
                    <a:lnTo>
                      <a:pt x="800" y="9"/>
                    </a:lnTo>
                    <a:lnTo>
                      <a:pt x="767" y="15"/>
                    </a:lnTo>
                    <a:lnTo>
                      <a:pt x="736" y="22"/>
                    </a:lnTo>
                    <a:lnTo>
                      <a:pt x="705" y="31"/>
                    </a:lnTo>
                    <a:lnTo>
                      <a:pt x="675" y="42"/>
                    </a:lnTo>
                    <a:lnTo>
                      <a:pt x="645" y="53"/>
                    </a:lnTo>
                    <a:lnTo>
                      <a:pt x="617" y="67"/>
                    </a:lnTo>
                    <a:lnTo>
                      <a:pt x="589" y="82"/>
                    </a:lnTo>
                    <a:lnTo>
                      <a:pt x="562" y="98"/>
                    </a:lnTo>
                    <a:lnTo>
                      <a:pt x="536" y="116"/>
                    </a:lnTo>
                    <a:lnTo>
                      <a:pt x="510" y="133"/>
                    </a:lnTo>
                    <a:lnTo>
                      <a:pt x="487" y="154"/>
                    </a:lnTo>
                    <a:lnTo>
                      <a:pt x="463" y="175"/>
                    </a:lnTo>
                    <a:lnTo>
                      <a:pt x="441" y="197"/>
                    </a:lnTo>
                    <a:lnTo>
                      <a:pt x="418" y="221"/>
                    </a:lnTo>
                    <a:lnTo>
                      <a:pt x="399" y="245"/>
                    </a:lnTo>
                    <a:lnTo>
                      <a:pt x="380" y="270"/>
                    </a:lnTo>
                    <a:lnTo>
                      <a:pt x="362" y="297"/>
                    </a:lnTo>
                    <a:lnTo>
                      <a:pt x="344" y="325"/>
                    </a:lnTo>
                    <a:lnTo>
                      <a:pt x="329" y="353"/>
                    </a:lnTo>
                    <a:lnTo>
                      <a:pt x="314" y="381"/>
                    </a:lnTo>
                    <a:lnTo>
                      <a:pt x="301" y="411"/>
                    </a:lnTo>
                    <a:lnTo>
                      <a:pt x="291" y="442"/>
                    </a:lnTo>
                    <a:lnTo>
                      <a:pt x="280" y="473"/>
                    </a:lnTo>
                    <a:lnTo>
                      <a:pt x="271" y="504"/>
                    </a:lnTo>
                    <a:lnTo>
                      <a:pt x="264" y="537"/>
                    </a:lnTo>
                    <a:lnTo>
                      <a:pt x="258" y="570"/>
                    </a:lnTo>
                    <a:lnTo>
                      <a:pt x="254" y="604"/>
                    </a:lnTo>
                    <a:lnTo>
                      <a:pt x="252" y="638"/>
                    </a:lnTo>
                    <a:lnTo>
                      <a:pt x="251" y="672"/>
                    </a:lnTo>
                    <a:lnTo>
                      <a:pt x="251" y="672"/>
                    </a:lnTo>
                    <a:lnTo>
                      <a:pt x="252" y="719"/>
                    </a:lnTo>
                    <a:lnTo>
                      <a:pt x="257" y="764"/>
                    </a:lnTo>
                    <a:lnTo>
                      <a:pt x="264" y="810"/>
                    </a:lnTo>
                    <a:lnTo>
                      <a:pt x="274" y="854"/>
                    </a:lnTo>
                    <a:lnTo>
                      <a:pt x="288" y="897"/>
                    </a:lnTo>
                    <a:lnTo>
                      <a:pt x="304" y="939"/>
                    </a:lnTo>
                    <a:lnTo>
                      <a:pt x="323" y="980"/>
                    </a:lnTo>
                    <a:lnTo>
                      <a:pt x="344" y="1021"/>
                    </a:lnTo>
                    <a:lnTo>
                      <a:pt x="344" y="1021"/>
                    </a:lnTo>
                    <a:lnTo>
                      <a:pt x="303" y="1050"/>
                    </a:lnTo>
                    <a:lnTo>
                      <a:pt x="263" y="1081"/>
                    </a:lnTo>
                    <a:lnTo>
                      <a:pt x="225" y="1114"/>
                    </a:lnTo>
                    <a:lnTo>
                      <a:pt x="191" y="1150"/>
                    </a:lnTo>
                    <a:lnTo>
                      <a:pt x="160" y="1188"/>
                    </a:lnTo>
                    <a:lnTo>
                      <a:pt x="132" y="1227"/>
                    </a:lnTo>
                    <a:lnTo>
                      <a:pt x="105" y="1268"/>
                    </a:lnTo>
                    <a:lnTo>
                      <a:pt x="83" y="1313"/>
                    </a:lnTo>
                    <a:lnTo>
                      <a:pt x="62" y="1357"/>
                    </a:lnTo>
                    <a:lnTo>
                      <a:pt x="45" y="1405"/>
                    </a:lnTo>
                    <a:lnTo>
                      <a:pt x="30" y="1452"/>
                    </a:lnTo>
                    <a:lnTo>
                      <a:pt x="18" y="1503"/>
                    </a:lnTo>
                    <a:lnTo>
                      <a:pt x="9" y="1555"/>
                    </a:lnTo>
                    <a:lnTo>
                      <a:pt x="3" y="1608"/>
                    </a:lnTo>
                    <a:lnTo>
                      <a:pt x="0" y="1663"/>
                    </a:lnTo>
                    <a:lnTo>
                      <a:pt x="0" y="1719"/>
                    </a:lnTo>
                    <a:lnTo>
                      <a:pt x="3" y="1792"/>
                    </a:lnTo>
                    <a:lnTo>
                      <a:pt x="924" y="1792"/>
                    </a:lnTo>
                    <a:lnTo>
                      <a:pt x="924" y="1792"/>
                    </a:lnTo>
                    <a:lnTo>
                      <a:pt x="939" y="1771"/>
                    </a:lnTo>
                    <a:lnTo>
                      <a:pt x="955" y="1752"/>
                    </a:lnTo>
                    <a:lnTo>
                      <a:pt x="989" y="1713"/>
                    </a:lnTo>
                    <a:lnTo>
                      <a:pt x="1028" y="1678"/>
                    </a:lnTo>
                    <a:lnTo>
                      <a:pt x="1067" y="1644"/>
                    </a:lnTo>
                    <a:lnTo>
                      <a:pt x="1067" y="164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endParaRPr>
              </a:p>
            </p:txBody>
          </p:sp>
          <p:sp>
            <p:nvSpPr>
              <p:cNvPr id="109" name="Freeform 7">
                <a:extLst>
                  <a:ext uri="{FF2B5EF4-FFF2-40B4-BE49-F238E27FC236}">
                    <a16:creationId xmlns:a16="http://schemas.microsoft.com/office/drawing/2014/main" id="{C225972F-548D-4EB2-AF9A-636FA6059626}"/>
                  </a:ext>
                </a:extLst>
              </p:cNvPr>
              <p:cNvSpPr>
                <a:spLocks/>
              </p:cNvSpPr>
              <p:nvPr/>
            </p:nvSpPr>
            <p:spPr bwMode="auto">
              <a:xfrm>
                <a:off x="1954" y="2112"/>
                <a:ext cx="1792" cy="642"/>
              </a:xfrm>
              <a:custGeom>
                <a:avLst/>
                <a:gdLst>
                  <a:gd name="T0" fmla="*/ 1328 w 1792"/>
                  <a:gd name="T1" fmla="*/ 18 h 642"/>
                  <a:gd name="T2" fmla="*/ 1319 w 1792"/>
                  <a:gd name="T3" fmla="*/ 13 h 642"/>
                  <a:gd name="T4" fmla="*/ 1313 w 1792"/>
                  <a:gd name="T5" fmla="*/ 18 h 642"/>
                  <a:gd name="T6" fmla="*/ 1269 w 1792"/>
                  <a:gd name="T7" fmla="*/ 47 h 642"/>
                  <a:gd name="T8" fmla="*/ 1223 w 1792"/>
                  <a:gd name="T9" fmla="*/ 74 h 642"/>
                  <a:gd name="T10" fmla="*/ 1174 w 1792"/>
                  <a:gd name="T11" fmla="*/ 96 h 642"/>
                  <a:gd name="T12" fmla="*/ 1123 w 1792"/>
                  <a:gd name="T13" fmla="*/ 115 h 642"/>
                  <a:gd name="T14" fmla="*/ 1071 w 1792"/>
                  <a:gd name="T15" fmla="*/ 132 h 642"/>
                  <a:gd name="T16" fmla="*/ 1016 w 1792"/>
                  <a:gd name="T17" fmla="*/ 142 h 642"/>
                  <a:gd name="T18" fmla="*/ 962 w 1792"/>
                  <a:gd name="T19" fmla="*/ 150 h 642"/>
                  <a:gd name="T20" fmla="*/ 904 w 1792"/>
                  <a:gd name="T21" fmla="*/ 151 h 642"/>
                  <a:gd name="T22" fmla="*/ 876 w 1792"/>
                  <a:gd name="T23" fmla="*/ 151 h 642"/>
                  <a:gd name="T24" fmla="*/ 819 w 1792"/>
                  <a:gd name="T25" fmla="*/ 147 h 642"/>
                  <a:gd name="T26" fmla="*/ 764 w 1792"/>
                  <a:gd name="T27" fmla="*/ 138 h 642"/>
                  <a:gd name="T28" fmla="*/ 711 w 1792"/>
                  <a:gd name="T29" fmla="*/ 124 h 642"/>
                  <a:gd name="T30" fmla="*/ 659 w 1792"/>
                  <a:gd name="T31" fmla="*/ 107 h 642"/>
                  <a:gd name="T32" fmla="*/ 610 w 1792"/>
                  <a:gd name="T33" fmla="*/ 86 h 642"/>
                  <a:gd name="T34" fmla="*/ 563 w 1792"/>
                  <a:gd name="T35" fmla="*/ 61 h 642"/>
                  <a:gd name="T36" fmla="*/ 517 w 1792"/>
                  <a:gd name="T37" fmla="*/ 32 h 642"/>
                  <a:gd name="T38" fmla="*/ 496 w 1792"/>
                  <a:gd name="T39" fmla="*/ 18 h 642"/>
                  <a:gd name="T40" fmla="*/ 438 w 1792"/>
                  <a:gd name="T41" fmla="*/ 18 h 642"/>
                  <a:gd name="T42" fmla="*/ 396 w 1792"/>
                  <a:gd name="T43" fmla="*/ 37 h 642"/>
                  <a:gd name="T44" fmla="*/ 310 w 1792"/>
                  <a:gd name="T45" fmla="*/ 86 h 642"/>
                  <a:gd name="T46" fmla="*/ 233 w 1792"/>
                  <a:gd name="T47" fmla="*/ 144 h 642"/>
                  <a:gd name="T48" fmla="*/ 168 w 1792"/>
                  <a:gd name="T49" fmla="*/ 209 h 642"/>
                  <a:gd name="T50" fmla="*/ 112 w 1792"/>
                  <a:gd name="T51" fmla="*/ 283 h 642"/>
                  <a:gd name="T52" fmla="*/ 67 w 1792"/>
                  <a:gd name="T53" fmla="*/ 363 h 642"/>
                  <a:gd name="T54" fmla="*/ 34 w 1792"/>
                  <a:gd name="T55" fmla="*/ 449 h 642"/>
                  <a:gd name="T56" fmla="*/ 12 w 1792"/>
                  <a:gd name="T57" fmla="*/ 543 h 642"/>
                  <a:gd name="T58" fmla="*/ 0 w 1792"/>
                  <a:gd name="T59" fmla="*/ 642 h 642"/>
                  <a:gd name="T60" fmla="*/ 1792 w 1792"/>
                  <a:gd name="T61" fmla="*/ 642 h 642"/>
                  <a:gd name="T62" fmla="*/ 1783 w 1792"/>
                  <a:gd name="T63" fmla="*/ 580 h 642"/>
                  <a:gd name="T64" fmla="*/ 1770 w 1792"/>
                  <a:gd name="T65" fmla="*/ 520 h 642"/>
                  <a:gd name="T66" fmla="*/ 1754 w 1792"/>
                  <a:gd name="T67" fmla="*/ 465 h 642"/>
                  <a:gd name="T68" fmla="*/ 1734 w 1792"/>
                  <a:gd name="T69" fmla="*/ 414 h 642"/>
                  <a:gd name="T70" fmla="*/ 1712 w 1792"/>
                  <a:gd name="T71" fmla="*/ 366 h 642"/>
                  <a:gd name="T72" fmla="*/ 1688 w 1792"/>
                  <a:gd name="T73" fmla="*/ 322 h 642"/>
                  <a:gd name="T74" fmla="*/ 1662 w 1792"/>
                  <a:gd name="T75" fmla="*/ 280 h 642"/>
                  <a:gd name="T76" fmla="*/ 1602 w 1792"/>
                  <a:gd name="T77" fmla="*/ 207 h 642"/>
                  <a:gd name="T78" fmla="*/ 1537 w 1792"/>
                  <a:gd name="T79" fmla="*/ 145 h 642"/>
                  <a:gd name="T80" fmla="*/ 1469 w 1792"/>
                  <a:gd name="T81" fmla="*/ 95 h 642"/>
                  <a:gd name="T82" fmla="*/ 1402 w 1792"/>
                  <a:gd name="T83" fmla="*/ 55 h 642"/>
                  <a:gd name="T84" fmla="*/ 1368 w 1792"/>
                  <a:gd name="T85" fmla="*/ 37 h 6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792" h="642">
                    <a:moveTo>
                      <a:pt x="1368" y="37"/>
                    </a:moveTo>
                    <a:lnTo>
                      <a:pt x="1328" y="18"/>
                    </a:lnTo>
                    <a:lnTo>
                      <a:pt x="1319" y="13"/>
                    </a:lnTo>
                    <a:lnTo>
                      <a:pt x="1319" y="13"/>
                    </a:lnTo>
                    <a:lnTo>
                      <a:pt x="1313" y="18"/>
                    </a:lnTo>
                    <a:lnTo>
                      <a:pt x="1313" y="18"/>
                    </a:lnTo>
                    <a:lnTo>
                      <a:pt x="1291" y="32"/>
                    </a:lnTo>
                    <a:lnTo>
                      <a:pt x="1269" y="47"/>
                    </a:lnTo>
                    <a:lnTo>
                      <a:pt x="1246" y="61"/>
                    </a:lnTo>
                    <a:lnTo>
                      <a:pt x="1223" y="74"/>
                    </a:lnTo>
                    <a:lnTo>
                      <a:pt x="1199" y="86"/>
                    </a:lnTo>
                    <a:lnTo>
                      <a:pt x="1174" y="96"/>
                    </a:lnTo>
                    <a:lnTo>
                      <a:pt x="1149" y="107"/>
                    </a:lnTo>
                    <a:lnTo>
                      <a:pt x="1123" y="115"/>
                    </a:lnTo>
                    <a:lnTo>
                      <a:pt x="1097" y="124"/>
                    </a:lnTo>
                    <a:lnTo>
                      <a:pt x="1071" y="132"/>
                    </a:lnTo>
                    <a:lnTo>
                      <a:pt x="1043" y="138"/>
                    </a:lnTo>
                    <a:lnTo>
                      <a:pt x="1016" y="142"/>
                    </a:lnTo>
                    <a:lnTo>
                      <a:pt x="990" y="147"/>
                    </a:lnTo>
                    <a:lnTo>
                      <a:pt x="962" y="150"/>
                    </a:lnTo>
                    <a:lnTo>
                      <a:pt x="933" y="151"/>
                    </a:lnTo>
                    <a:lnTo>
                      <a:pt x="904" y="151"/>
                    </a:lnTo>
                    <a:lnTo>
                      <a:pt x="904" y="151"/>
                    </a:lnTo>
                    <a:lnTo>
                      <a:pt x="876" y="151"/>
                    </a:lnTo>
                    <a:lnTo>
                      <a:pt x="847" y="150"/>
                    </a:lnTo>
                    <a:lnTo>
                      <a:pt x="819" y="147"/>
                    </a:lnTo>
                    <a:lnTo>
                      <a:pt x="792" y="142"/>
                    </a:lnTo>
                    <a:lnTo>
                      <a:pt x="764" y="138"/>
                    </a:lnTo>
                    <a:lnTo>
                      <a:pt x="738" y="132"/>
                    </a:lnTo>
                    <a:lnTo>
                      <a:pt x="711" y="124"/>
                    </a:lnTo>
                    <a:lnTo>
                      <a:pt x="686" y="115"/>
                    </a:lnTo>
                    <a:lnTo>
                      <a:pt x="659" y="107"/>
                    </a:lnTo>
                    <a:lnTo>
                      <a:pt x="635" y="96"/>
                    </a:lnTo>
                    <a:lnTo>
                      <a:pt x="610" y="86"/>
                    </a:lnTo>
                    <a:lnTo>
                      <a:pt x="586" y="74"/>
                    </a:lnTo>
                    <a:lnTo>
                      <a:pt x="563" y="61"/>
                    </a:lnTo>
                    <a:lnTo>
                      <a:pt x="539" y="47"/>
                    </a:lnTo>
                    <a:lnTo>
                      <a:pt x="517" y="32"/>
                    </a:lnTo>
                    <a:lnTo>
                      <a:pt x="496" y="18"/>
                    </a:lnTo>
                    <a:lnTo>
                      <a:pt x="496" y="18"/>
                    </a:lnTo>
                    <a:lnTo>
                      <a:pt x="472" y="0"/>
                    </a:lnTo>
                    <a:lnTo>
                      <a:pt x="438" y="18"/>
                    </a:lnTo>
                    <a:lnTo>
                      <a:pt x="396" y="37"/>
                    </a:lnTo>
                    <a:lnTo>
                      <a:pt x="396" y="37"/>
                    </a:lnTo>
                    <a:lnTo>
                      <a:pt x="352" y="61"/>
                    </a:lnTo>
                    <a:lnTo>
                      <a:pt x="310" y="86"/>
                    </a:lnTo>
                    <a:lnTo>
                      <a:pt x="270" y="114"/>
                    </a:lnTo>
                    <a:lnTo>
                      <a:pt x="233" y="144"/>
                    </a:lnTo>
                    <a:lnTo>
                      <a:pt x="199" y="176"/>
                    </a:lnTo>
                    <a:lnTo>
                      <a:pt x="168" y="209"/>
                    </a:lnTo>
                    <a:lnTo>
                      <a:pt x="138" y="244"/>
                    </a:lnTo>
                    <a:lnTo>
                      <a:pt x="112" y="283"/>
                    </a:lnTo>
                    <a:lnTo>
                      <a:pt x="88" y="322"/>
                    </a:lnTo>
                    <a:lnTo>
                      <a:pt x="67" y="363"/>
                    </a:lnTo>
                    <a:lnTo>
                      <a:pt x="49" y="405"/>
                    </a:lnTo>
                    <a:lnTo>
                      <a:pt x="34" y="449"/>
                    </a:lnTo>
                    <a:lnTo>
                      <a:pt x="21" y="495"/>
                    </a:lnTo>
                    <a:lnTo>
                      <a:pt x="12" y="543"/>
                    </a:lnTo>
                    <a:lnTo>
                      <a:pt x="5" y="592"/>
                    </a:lnTo>
                    <a:lnTo>
                      <a:pt x="0" y="642"/>
                    </a:lnTo>
                    <a:lnTo>
                      <a:pt x="1792" y="642"/>
                    </a:lnTo>
                    <a:lnTo>
                      <a:pt x="1792" y="642"/>
                    </a:lnTo>
                    <a:lnTo>
                      <a:pt x="1788" y="611"/>
                    </a:lnTo>
                    <a:lnTo>
                      <a:pt x="1783" y="580"/>
                    </a:lnTo>
                    <a:lnTo>
                      <a:pt x="1778" y="549"/>
                    </a:lnTo>
                    <a:lnTo>
                      <a:pt x="1770" y="520"/>
                    </a:lnTo>
                    <a:lnTo>
                      <a:pt x="1763" y="492"/>
                    </a:lnTo>
                    <a:lnTo>
                      <a:pt x="1754" y="465"/>
                    </a:lnTo>
                    <a:lnTo>
                      <a:pt x="1745" y="439"/>
                    </a:lnTo>
                    <a:lnTo>
                      <a:pt x="1734" y="414"/>
                    </a:lnTo>
                    <a:lnTo>
                      <a:pt x="1724" y="390"/>
                    </a:lnTo>
                    <a:lnTo>
                      <a:pt x="1712" y="366"/>
                    </a:lnTo>
                    <a:lnTo>
                      <a:pt x="1700" y="342"/>
                    </a:lnTo>
                    <a:lnTo>
                      <a:pt x="1688" y="322"/>
                    </a:lnTo>
                    <a:lnTo>
                      <a:pt x="1675" y="301"/>
                    </a:lnTo>
                    <a:lnTo>
                      <a:pt x="1662" y="280"/>
                    </a:lnTo>
                    <a:lnTo>
                      <a:pt x="1632" y="242"/>
                    </a:lnTo>
                    <a:lnTo>
                      <a:pt x="1602" y="207"/>
                    </a:lnTo>
                    <a:lnTo>
                      <a:pt x="1570" y="175"/>
                    </a:lnTo>
                    <a:lnTo>
                      <a:pt x="1537" y="145"/>
                    </a:lnTo>
                    <a:lnTo>
                      <a:pt x="1503" y="118"/>
                    </a:lnTo>
                    <a:lnTo>
                      <a:pt x="1469" y="95"/>
                    </a:lnTo>
                    <a:lnTo>
                      <a:pt x="1435" y="74"/>
                    </a:lnTo>
                    <a:lnTo>
                      <a:pt x="1402" y="55"/>
                    </a:lnTo>
                    <a:lnTo>
                      <a:pt x="1368" y="37"/>
                    </a:lnTo>
                    <a:lnTo>
                      <a:pt x="1368" y="3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endParaRPr>
              </a:p>
            </p:txBody>
          </p:sp>
          <p:sp>
            <p:nvSpPr>
              <p:cNvPr id="110" name="Freeform 8">
                <a:extLst>
                  <a:ext uri="{FF2B5EF4-FFF2-40B4-BE49-F238E27FC236}">
                    <a16:creationId xmlns:a16="http://schemas.microsoft.com/office/drawing/2014/main" id="{DDEEA62D-308E-4958-8F3A-CFC6FA8EEC98}"/>
                  </a:ext>
                </a:extLst>
              </p:cNvPr>
              <p:cNvSpPr>
                <a:spLocks/>
              </p:cNvSpPr>
              <p:nvPr/>
            </p:nvSpPr>
            <p:spPr bwMode="auto">
              <a:xfrm>
                <a:off x="2150" y="1004"/>
                <a:ext cx="1417" cy="544"/>
              </a:xfrm>
              <a:custGeom>
                <a:avLst/>
                <a:gdLst>
                  <a:gd name="T0" fmla="*/ 275 w 1417"/>
                  <a:gd name="T1" fmla="*/ 191 h 544"/>
                  <a:gd name="T2" fmla="*/ 245 w 1417"/>
                  <a:gd name="T3" fmla="*/ 227 h 544"/>
                  <a:gd name="T4" fmla="*/ 230 w 1417"/>
                  <a:gd name="T5" fmla="*/ 247 h 544"/>
                  <a:gd name="T6" fmla="*/ 203 w 1417"/>
                  <a:gd name="T7" fmla="*/ 292 h 544"/>
                  <a:gd name="T8" fmla="*/ 181 w 1417"/>
                  <a:gd name="T9" fmla="*/ 338 h 544"/>
                  <a:gd name="T10" fmla="*/ 165 w 1417"/>
                  <a:gd name="T11" fmla="*/ 385 h 544"/>
                  <a:gd name="T12" fmla="*/ 157 w 1417"/>
                  <a:gd name="T13" fmla="*/ 411 h 544"/>
                  <a:gd name="T14" fmla="*/ 151 w 1417"/>
                  <a:gd name="T15" fmla="*/ 428 h 544"/>
                  <a:gd name="T16" fmla="*/ 141 w 1417"/>
                  <a:gd name="T17" fmla="*/ 443 h 544"/>
                  <a:gd name="T18" fmla="*/ 128 w 1417"/>
                  <a:gd name="T19" fmla="*/ 454 h 544"/>
                  <a:gd name="T20" fmla="*/ 110 w 1417"/>
                  <a:gd name="T21" fmla="*/ 461 h 544"/>
                  <a:gd name="T22" fmla="*/ 88 w 1417"/>
                  <a:gd name="T23" fmla="*/ 467 h 544"/>
                  <a:gd name="T24" fmla="*/ 64 w 1417"/>
                  <a:gd name="T25" fmla="*/ 471 h 544"/>
                  <a:gd name="T26" fmla="*/ 33 w 1417"/>
                  <a:gd name="T27" fmla="*/ 479 h 544"/>
                  <a:gd name="T28" fmla="*/ 11 w 1417"/>
                  <a:gd name="T29" fmla="*/ 492 h 544"/>
                  <a:gd name="T30" fmla="*/ 2 w 1417"/>
                  <a:gd name="T31" fmla="*/ 514 h 544"/>
                  <a:gd name="T32" fmla="*/ 2 w 1417"/>
                  <a:gd name="T33" fmla="*/ 543 h 544"/>
                  <a:gd name="T34" fmla="*/ 165 w 1417"/>
                  <a:gd name="T35" fmla="*/ 543 h 544"/>
                  <a:gd name="T36" fmla="*/ 1251 w 1417"/>
                  <a:gd name="T37" fmla="*/ 544 h 544"/>
                  <a:gd name="T38" fmla="*/ 1251 w 1417"/>
                  <a:gd name="T39" fmla="*/ 543 h 544"/>
                  <a:gd name="T40" fmla="*/ 1415 w 1417"/>
                  <a:gd name="T41" fmla="*/ 543 h 544"/>
                  <a:gd name="T42" fmla="*/ 1417 w 1417"/>
                  <a:gd name="T43" fmla="*/ 526 h 544"/>
                  <a:gd name="T44" fmla="*/ 1414 w 1417"/>
                  <a:gd name="T45" fmla="*/ 511 h 544"/>
                  <a:gd name="T46" fmla="*/ 1409 w 1417"/>
                  <a:gd name="T47" fmla="*/ 500 h 544"/>
                  <a:gd name="T48" fmla="*/ 1401 w 1417"/>
                  <a:gd name="T49" fmla="*/ 489 h 544"/>
                  <a:gd name="T50" fmla="*/ 1392 w 1417"/>
                  <a:gd name="T51" fmla="*/ 483 h 544"/>
                  <a:gd name="T52" fmla="*/ 1368 w 1417"/>
                  <a:gd name="T53" fmla="*/ 474 h 544"/>
                  <a:gd name="T54" fmla="*/ 1352 w 1417"/>
                  <a:gd name="T55" fmla="*/ 471 h 544"/>
                  <a:gd name="T56" fmla="*/ 1307 w 1417"/>
                  <a:gd name="T57" fmla="*/ 461 h 544"/>
                  <a:gd name="T58" fmla="*/ 1297 w 1417"/>
                  <a:gd name="T59" fmla="*/ 458 h 544"/>
                  <a:gd name="T60" fmla="*/ 1282 w 1417"/>
                  <a:gd name="T61" fmla="*/ 449 h 544"/>
                  <a:gd name="T62" fmla="*/ 1270 w 1417"/>
                  <a:gd name="T63" fmla="*/ 436 h 544"/>
                  <a:gd name="T64" fmla="*/ 1263 w 1417"/>
                  <a:gd name="T65" fmla="*/ 419 h 544"/>
                  <a:gd name="T66" fmla="*/ 1260 w 1417"/>
                  <a:gd name="T67" fmla="*/ 411 h 544"/>
                  <a:gd name="T68" fmla="*/ 1243 w 1417"/>
                  <a:gd name="T69" fmla="*/ 362 h 544"/>
                  <a:gd name="T70" fmla="*/ 1224 w 1417"/>
                  <a:gd name="T71" fmla="*/ 314 h 544"/>
                  <a:gd name="T72" fmla="*/ 1200 w 1417"/>
                  <a:gd name="T73" fmla="*/ 270 h 544"/>
                  <a:gd name="T74" fmla="*/ 1172 w 1417"/>
                  <a:gd name="T75" fmla="*/ 227 h 544"/>
                  <a:gd name="T76" fmla="*/ 1156 w 1417"/>
                  <a:gd name="T77" fmla="*/ 207 h 544"/>
                  <a:gd name="T78" fmla="*/ 1128 w 1417"/>
                  <a:gd name="T79" fmla="*/ 175 h 544"/>
                  <a:gd name="T80" fmla="*/ 1096 w 1417"/>
                  <a:gd name="T81" fmla="*/ 144 h 544"/>
                  <a:gd name="T82" fmla="*/ 1062 w 1417"/>
                  <a:gd name="T83" fmla="*/ 114 h 544"/>
                  <a:gd name="T84" fmla="*/ 1025 w 1417"/>
                  <a:gd name="T85" fmla="*/ 89 h 544"/>
                  <a:gd name="T86" fmla="*/ 985 w 1417"/>
                  <a:gd name="T87" fmla="*/ 65 h 544"/>
                  <a:gd name="T88" fmla="*/ 944 w 1417"/>
                  <a:gd name="T89" fmla="*/ 44 h 544"/>
                  <a:gd name="T90" fmla="*/ 901 w 1417"/>
                  <a:gd name="T91" fmla="*/ 28 h 544"/>
                  <a:gd name="T92" fmla="*/ 856 w 1417"/>
                  <a:gd name="T93" fmla="*/ 16 h 544"/>
                  <a:gd name="T94" fmla="*/ 819 w 1417"/>
                  <a:gd name="T95" fmla="*/ 9 h 544"/>
                  <a:gd name="T96" fmla="*/ 745 w 1417"/>
                  <a:gd name="T97" fmla="*/ 0 h 544"/>
                  <a:gd name="T98" fmla="*/ 708 w 1417"/>
                  <a:gd name="T99" fmla="*/ 0 h 544"/>
                  <a:gd name="T100" fmla="*/ 635 w 1417"/>
                  <a:gd name="T101" fmla="*/ 3 h 544"/>
                  <a:gd name="T102" fmla="*/ 561 w 1417"/>
                  <a:gd name="T103" fmla="*/ 16 h 544"/>
                  <a:gd name="T104" fmla="*/ 537 w 1417"/>
                  <a:gd name="T105" fmla="*/ 20 h 544"/>
                  <a:gd name="T106" fmla="*/ 494 w 1417"/>
                  <a:gd name="T107" fmla="*/ 35 h 544"/>
                  <a:gd name="T108" fmla="*/ 451 w 1417"/>
                  <a:gd name="T109" fmla="*/ 55 h 544"/>
                  <a:gd name="T110" fmla="*/ 392 w 1417"/>
                  <a:gd name="T111" fmla="*/ 89 h 544"/>
                  <a:gd name="T112" fmla="*/ 359 w 1417"/>
                  <a:gd name="T113" fmla="*/ 111 h 544"/>
                  <a:gd name="T114" fmla="*/ 300 w 1417"/>
                  <a:gd name="T115" fmla="*/ 161 h 544"/>
                  <a:gd name="T116" fmla="*/ 275 w 1417"/>
                  <a:gd name="T117" fmla="*/ 191 h 5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417" h="544">
                    <a:moveTo>
                      <a:pt x="275" y="191"/>
                    </a:moveTo>
                    <a:lnTo>
                      <a:pt x="275" y="191"/>
                    </a:lnTo>
                    <a:lnTo>
                      <a:pt x="260" y="207"/>
                    </a:lnTo>
                    <a:lnTo>
                      <a:pt x="245" y="227"/>
                    </a:lnTo>
                    <a:lnTo>
                      <a:pt x="245" y="227"/>
                    </a:lnTo>
                    <a:lnTo>
                      <a:pt x="230" y="247"/>
                    </a:lnTo>
                    <a:lnTo>
                      <a:pt x="217" y="270"/>
                    </a:lnTo>
                    <a:lnTo>
                      <a:pt x="203" y="292"/>
                    </a:lnTo>
                    <a:lnTo>
                      <a:pt x="193" y="314"/>
                    </a:lnTo>
                    <a:lnTo>
                      <a:pt x="181" y="338"/>
                    </a:lnTo>
                    <a:lnTo>
                      <a:pt x="172" y="362"/>
                    </a:lnTo>
                    <a:lnTo>
                      <a:pt x="165" y="385"/>
                    </a:lnTo>
                    <a:lnTo>
                      <a:pt x="157" y="411"/>
                    </a:lnTo>
                    <a:lnTo>
                      <a:pt x="157" y="411"/>
                    </a:lnTo>
                    <a:lnTo>
                      <a:pt x="154" y="419"/>
                    </a:lnTo>
                    <a:lnTo>
                      <a:pt x="151" y="428"/>
                    </a:lnTo>
                    <a:lnTo>
                      <a:pt x="147" y="436"/>
                    </a:lnTo>
                    <a:lnTo>
                      <a:pt x="141" y="443"/>
                    </a:lnTo>
                    <a:lnTo>
                      <a:pt x="135" y="449"/>
                    </a:lnTo>
                    <a:lnTo>
                      <a:pt x="128" y="454"/>
                    </a:lnTo>
                    <a:lnTo>
                      <a:pt x="119" y="458"/>
                    </a:lnTo>
                    <a:lnTo>
                      <a:pt x="110" y="461"/>
                    </a:lnTo>
                    <a:lnTo>
                      <a:pt x="110" y="461"/>
                    </a:lnTo>
                    <a:lnTo>
                      <a:pt x="88" y="467"/>
                    </a:lnTo>
                    <a:lnTo>
                      <a:pt x="64" y="471"/>
                    </a:lnTo>
                    <a:lnTo>
                      <a:pt x="64" y="471"/>
                    </a:lnTo>
                    <a:lnTo>
                      <a:pt x="48" y="474"/>
                    </a:lnTo>
                    <a:lnTo>
                      <a:pt x="33" y="479"/>
                    </a:lnTo>
                    <a:lnTo>
                      <a:pt x="21" y="485"/>
                    </a:lnTo>
                    <a:lnTo>
                      <a:pt x="11" y="492"/>
                    </a:lnTo>
                    <a:lnTo>
                      <a:pt x="5" y="503"/>
                    </a:lnTo>
                    <a:lnTo>
                      <a:pt x="2" y="514"/>
                    </a:lnTo>
                    <a:lnTo>
                      <a:pt x="0" y="528"/>
                    </a:lnTo>
                    <a:lnTo>
                      <a:pt x="2" y="543"/>
                    </a:lnTo>
                    <a:lnTo>
                      <a:pt x="165" y="543"/>
                    </a:lnTo>
                    <a:lnTo>
                      <a:pt x="165" y="543"/>
                    </a:lnTo>
                    <a:lnTo>
                      <a:pt x="165" y="544"/>
                    </a:lnTo>
                    <a:lnTo>
                      <a:pt x="1251" y="544"/>
                    </a:lnTo>
                    <a:lnTo>
                      <a:pt x="1251" y="544"/>
                    </a:lnTo>
                    <a:lnTo>
                      <a:pt x="1251" y="543"/>
                    </a:lnTo>
                    <a:lnTo>
                      <a:pt x="1411" y="543"/>
                    </a:lnTo>
                    <a:lnTo>
                      <a:pt x="1415" y="543"/>
                    </a:lnTo>
                    <a:lnTo>
                      <a:pt x="1415" y="543"/>
                    </a:lnTo>
                    <a:lnTo>
                      <a:pt x="1417" y="526"/>
                    </a:lnTo>
                    <a:lnTo>
                      <a:pt x="1415" y="517"/>
                    </a:lnTo>
                    <a:lnTo>
                      <a:pt x="1414" y="511"/>
                    </a:lnTo>
                    <a:lnTo>
                      <a:pt x="1412" y="504"/>
                    </a:lnTo>
                    <a:lnTo>
                      <a:pt x="1409" y="500"/>
                    </a:lnTo>
                    <a:lnTo>
                      <a:pt x="1405" y="494"/>
                    </a:lnTo>
                    <a:lnTo>
                      <a:pt x="1401" y="489"/>
                    </a:lnTo>
                    <a:lnTo>
                      <a:pt x="1401" y="489"/>
                    </a:lnTo>
                    <a:lnTo>
                      <a:pt x="1392" y="483"/>
                    </a:lnTo>
                    <a:lnTo>
                      <a:pt x="1380" y="477"/>
                    </a:lnTo>
                    <a:lnTo>
                      <a:pt x="1368" y="474"/>
                    </a:lnTo>
                    <a:lnTo>
                      <a:pt x="1352" y="471"/>
                    </a:lnTo>
                    <a:lnTo>
                      <a:pt x="1352" y="471"/>
                    </a:lnTo>
                    <a:lnTo>
                      <a:pt x="1329" y="467"/>
                    </a:lnTo>
                    <a:lnTo>
                      <a:pt x="1307" y="461"/>
                    </a:lnTo>
                    <a:lnTo>
                      <a:pt x="1307" y="461"/>
                    </a:lnTo>
                    <a:lnTo>
                      <a:pt x="1297" y="458"/>
                    </a:lnTo>
                    <a:lnTo>
                      <a:pt x="1289" y="454"/>
                    </a:lnTo>
                    <a:lnTo>
                      <a:pt x="1282" y="449"/>
                    </a:lnTo>
                    <a:lnTo>
                      <a:pt x="1276" y="443"/>
                    </a:lnTo>
                    <a:lnTo>
                      <a:pt x="1270" y="436"/>
                    </a:lnTo>
                    <a:lnTo>
                      <a:pt x="1266" y="428"/>
                    </a:lnTo>
                    <a:lnTo>
                      <a:pt x="1263" y="419"/>
                    </a:lnTo>
                    <a:lnTo>
                      <a:pt x="1260" y="411"/>
                    </a:lnTo>
                    <a:lnTo>
                      <a:pt x="1260" y="411"/>
                    </a:lnTo>
                    <a:lnTo>
                      <a:pt x="1252" y="385"/>
                    </a:lnTo>
                    <a:lnTo>
                      <a:pt x="1243" y="362"/>
                    </a:lnTo>
                    <a:lnTo>
                      <a:pt x="1234" y="338"/>
                    </a:lnTo>
                    <a:lnTo>
                      <a:pt x="1224" y="314"/>
                    </a:lnTo>
                    <a:lnTo>
                      <a:pt x="1212" y="292"/>
                    </a:lnTo>
                    <a:lnTo>
                      <a:pt x="1200" y="270"/>
                    </a:lnTo>
                    <a:lnTo>
                      <a:pt x="1187" y="247"/>
                    </a:lnTo>
                    <a:lnTo>
                      <a:pt x="1172" y="227"/>
                    </a:lnTo>
                    <a:lnTo>
                      <a:pt x="1172" y="227"/>
                    </a:lnTo>
                    <a:lnTo>
                      <a:pt x="1156" y="207"/>
                    </a:lnTo>
                    <a:lnTo>
                      <a:pt x="1156" y="207"/>
                    </a:lnTo>
                    <a:lnTo>
                      <a:pt x="1128" y="175"/>
                    </a:lnTo>
                    <a:lnTo>
                      <a:pt x="1113" y="158"/>
                    </a:lnTo>
                    <a:lnTo>
                      <a:pt x="1096" y="144"/>
                    </a:lnTo>
                    <a:lnTo>
                      <a:pt x="1079" y="129"/>
                    </a:lnTo>
                    <a:lnTo>
                      <a:pt x="1062" y="114"/>
                    </a:lnTo>
                    <a:lnTo>
                      <a:pt x="1044" y="101"/>
                    </a:lnTo>
                    <a:lnTo>
                      <a:pt x="1025" y="89"/>
                    </a:lnTo>
                    <a:lnTo>
                      <a:pt x="1025" y="89"/>
                    </a:lnTo>
                    <a:lnTo>
                      <a:pt x="985" y="65"/>
                    </a:lnTo>
                    <a:lnTo>
                      <a:pt x="964" y="55"/>
                    </a:lnTo>
                    <a:lnTo>
                      <a:pt x="944" y="44"/>
                    </a:lnTo>
                    <a:lnTo>
                      <a:pt x="923" y="35"/>
                    </a:lnTo>
                    <a:lnTo>
                      <a:pt x="901" y="28"/>
                    </a:lnTo>
                    <a:lnTo>
                      <a:pt x="878" y="20"/>
                    </a:lnTo>
                    <a:lnTo>
                      <a:pt x="856" y="16"/>
                    </a:lnTo>
                    <a:lnTo>
                      <a:pt x="856" y="16"/>
                    </a:lnTo>
                    <a:lnTo>
                      <a:pt x="819" y="9"/>
                    </a:lnTo>
                    <a:lnTo>
                      <a:pt x="782" y="3"/>
                    </a:lnTo>
                    <a:lnTo>
                      <a:pt x="745" y="0"/>
                    </a:lnTo>
                    <a:lnTo>
                      <a:pt x="708" y="0"/>
                    </a:lnTo>
                    <a:lnTo>
                      <a:pt x="708" y="0"/>
                    </a:lnTo>
                    <a:lnTo>
                      <a:pt x="672" y="0"/>
                    </a:lnTo>
                    <a:lnTo>
                      <a:pt x="635" y="3"/>
                    </a:lnTo>
                    <a:lnTo>
                      <a:pt x="598" y="9"/>
                    </a:lnTo>
                    <a:lnTo>
                      <a:pt x="561" y="16"/>
                    </a:lnTo>
                    <a:lnTo>
                      <a:pt x="561" y="16"/>
                    </a:lnTo>
                    <a:lnTo>
                      <a:pt x="537" y="20"/>
                    </a:lnTo>
                    <a:lnTo>
                      <a:pt x="516" y="28"/>
                    </a:lnTo>
                    <a:lnTo>
                      <a:pt x="494" y="35"/>
                    </a:lnTo>
                    <a:lnTo>
                      <a:pt x="473" y="44"/>
                    </a:lnTo>
                    <a:lnTo>
                      <a:pt x="451" y="55"/>
                    </a:lnTo>
                    <a:lnTo>
                      <a:pt x="432" y="65"/>
                    </a:lnTo>
                    <a:lnTo>
                      <a:pt x="392" y="89"/>
                    </a:lnTo>
                    <a:lnTo>
                      <a:pt x="392" y="89"/>
                    </a:lnTo>
                    <a:lnTo>
                      <a:pt x="359" y="111"/>
                    </a:lnTo>
                    <a:lnTo>
                      <a:pt x="328" y="136"/>
                    </a:lnTo>
                    <a:lnTo>
                      <a:pt x="300" y="161"/>
                    </a:lnTo>
                    <a:lnTo>
                      <a:pt x="275" y="191"/>
                    </a:lnTo>
                    <a:lnTo>
                      <a:pt x="275" y="19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endParaRPr>
              </a:p>
            </p:txBody>
          </p:sp>
          <p:sp>
            <p:nvSpPr>
              <p:cNvPr id="111" name="Freeform 9">
                <a:extLst>
                  <a:ext uri="{FF2B5EF4-FFF2-40B4-BE49-F238E27FC236}">
                    <a16:creationId xmlns:a16="http://schemas.microsoft.com/office/drawing/2014/main" id="{7116F4D9-5197-457D-82FC-0A8BA50BA424}"/>
                  </a:ext>
                </a:extLst>
              </p:cNvPr>
              <p:cNvSpPr>
                <a:spLocks/>
              </p:cNvSpPr>
              <p:nvPr/>
            </p:nvSpPr>
            <p:spPr bwMode="auto">
              <a:xfrm>
                <a:off x="2315" y="1600"/>
                <a:ext cx="1086" cy="515"/>
              </a:xfrm>
              <a:custGeom>
                <a:avLst/>
                <a:gdLst>
                  <a:gd name="T0" fmla="*/ 543 w 1086"/>
                  <a:gd name="T1" fmla="*/ 515 h 515"/>
                  <a:gd name="T2" fmla="*/ 598 w 1086"/>
                  <a:gd name="T3" fmla="*/ 513 h 515"/>
                  <a:gd name="T4" fmla="*/ 650 w 1086"/>
                  <a:gd name="T5" fmla="*/ 504 h 515"/>
                  <a:gd name="T6" fmla="*/ 700 w 1086"/>
                  <a:gd name="T7" fmla="*/ 492 h 515"/>
                  <a:gd name="T8" fmla="*/ 749 w 1086"/>
                  <a:gd name="T9" fmla="*/ 475 h 515"/>
                  <a:gd name="T10" fmla="*/ 795 w 1086"/>
                  <a:gd name="T11" fmla="*/ 454 h 515"/>
                  <a:gd name="T12" fmla="*/ 839 w 1086"/>
                  <a:gd name="T13" fmla="*/ 427 h 515"/>
                  <a:gd name="T14" fmla="*/ 879 w 1086"/>
                  <a:gd name="T15" fmla="*/ 398 h 515"/>
                  <a:gd name="T16" fmla="*/ 918 w 1086"/>
                  <a:gd name="T17" fmla="*/ 365 h 515"/>
                  <a:gd name="T18" fmla="*/ 954 w 1086"/>
                  <a:gd name="T19" fmla="*/ 328 h 515"/>
                  <a:gd name="T20" fmla="*/ 985 w 1086"/>
                  <a:gd name="T21" fmla="*/ 289 h 515"/>
                  <a:gd name="T22" fmla="*/ 1012 w 1086"/>
                  <a:gd name="T23" fmla="*/ 246 h 515"/>
                  <a:gd name="T24" fmla="*/ 1035 w 1086"/>
                  <a:gd name="T25" fmla="*/ 202 h 515"/>
                  <a:gd name="T26" fmla="*/ 1056 w 1086"/>
                  <a:gd name="T27" fmla="*/ 154 h 515"/>
                  <a:gd name="T28" fmla="*/ 1071 w 1086"/>
                  <a:gd name="T29" fmla="*/ 104 h 515"/>
                  <a:gd name="T30" fmla="*/ 1081 w 1086"/>
                  <a:gd name="T31" fmla="*/ 52 h 515"/>
                  <a:gd name="T32" fmla="*/ 1086 w 1086"/>
                  <a:gd name="T33" fmla="*/ 0 h 515"/>
                  <a:gd name="T34" fmla="*/ 0 w 1086"/>
                  <a:gd name="T35" fmla="*/ 0 h 515"/>
                  <a:gd name="T36" fmla="*/ 6 w 1086"/>
                  <a:gd name="T37" fmla="*/ 52 h 515"/>
                  <a:gd name="T38" fmla="*/ 16 w 1086"/>
                  <a:gd name="T39" fmla="*/ 104 h 515"/>
                  <a:gd name="T40" fmla="*/ 31 w 1086"/>
                  <a:gd name="T41" fmla="*/ 154 h 515"/>
                  <a:gd name="T42" fmla="*/ 50 w 1086"/>
                  <a:gd name="T43" fmla="*/ 202 h 515"/>
                  <a:gd name="T44" fmla="*/ 74 w 1086"/>
                  <a:gd name="T45" fmla="*/ 246 h 515"/>
                  <a:gd name="T46" fmla="*/ 102 w 1086"/>
                  <a:gd name="T47" fmla="*/ 289 h 515"/>
                  <a:gd name="T48" fmla="*/ 133 w 1086"/>
                  <a:gd name="T49" fmla="*/ 328 h 515"/>
                  <a:gd name="T50" fmla="*/ 169 w 1086"/>
                  <a:gd name="T51" fmla="*/ 365 h 515"/>
                  <a:gd name="T52" fmla="*/ 206 w 1086"/>
                  <a:gd name="T53" fmla="*/ 398 h 515"/>
                  <a:gd name="T54" fmla="*/ 248 w 1086"/>
                  <a:gd name="T55" fmla="*/ 427 h 515"/>
                  <a:gd name="T56" fmla="*/ 292 w 1086"/>
                  <a:gd name="T57" fmla="*/ 454 h 515"/>
                  <a:gd name="T58" fmla="*/ 338 w 1086"/>
                  <a:gd name="T59" fmla="*/ 475 h 515"/>
                  <a:gd name="T60" fmla="*/ 387 w 1086"/>
                  <a:gd name="T61" fmla="*/ 492 h 515"/>
                  <a:gd name="T62" fmla="*/ 437 w 1086"/>
                  <a:gd name="T63" fmla="*/ 504 h 515"/>
                  <a:gd name="T64" fmla="*/ 489 w 1086"/>
                  <a:gd name="T65" fmla="*/ 513 h 515"/>
                  <a:gd name="T66" fmla="*/ 543 w 1086"/>
                  <a:gd name="T67" fmla="*/ 515 h 5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086" h="515">
                    <a:moveTo>
                      <a:pt x="543" y="515"/>
                    </a:moveTo>
                    <a:lnTo>
                      <a:pt x="543" y="515"/>
                    </a:lnTo>
                    <a:lnTo>
                      <a:pt x="571" y="515"/>
                    </a:lnTo>
                    <a:lnTo>
                      <a:pt x="598" y="513"/>
                    </a:lnTo>
                    <a:lnTo>
                      <a:pt x="623" y="510"/>
                    </a:lnTo>
                    <a:lnTo>
                      <a:pt x="650" y="504"/>
                    </a:lnTo>
                    <a:lnTo>
                      <a:pt x="675" y="500"/>
                    </a:lnTo>
                    <a:lnTo>
                      <a:pt x="700" y="492"/>
                    </a:lnTo>
                    <a:lnTo>
                      <a:pt x="725" y="485"/>
                    </a:lnTo>
                    <a:lnTo>
                      <a:pt x="749" y="475"/>
                    </a:lnTo>
                    <a:lnTo>
                      <a:pt x="773" y="464"/>
                    </a:lnTo>
                    <a:lnTo>
                      <a:pt x="795" y="454"/>
                    </a:lnTo>
                    <a:lnTo>
                      <a:pt x="817" y="441"/>
                    </a:lnTo>
                    <a:lnTo>
                      <a:pt x="839" y="427"/>
                    </a:lnTo>
                    <a:lnTo>
                      <a:pt x="860" y="414"/>
                    </a:lnTo>
                    <a:lnTo>
                      <a:pt x="879" y="398"/>
                    </a:lnTo>
                    <a:lnTo>
                      <a:pt x="899" y="383"/>
                    </a:lnTo>
                    <a:lnTo>
                      <a:pt x="918" y="365"/>
                    </a:lnTo>
                    <a:lnTo>
                      <a:pt x="936" y="347"/>
                    </a:lnTo>
                    <a:lnTo>
                      <a:pt x="954" y="328"/>
                    </a:lnTo>
                    <a:lnTo>
                      <a:pt x="968" y="309"/>
                    </a:lnTo>
                    <a:lnTo>
                      <a:pt x="985" y="289"/>
                    </a:lnTo>
                    <a:lnTo>
                      <a:pt x="998" y="268"/>
                    </a:lnTo>
                    <a:lnTo>
                      <a:pt x="1012" y="246"/>
                    </a:lnTo>
                    <a:lnTo>
                      <a:pt x="1025" y="224"/>
                    </a:lnTo>
                    <a:lnTo>
                      <a:pt x="1035" y="202"/>
                    </a:lnTo>
                    <a:lnTo>
                      <a:pt x="1046" y="178"/>
                    </a:lnTo>
                    <a:lnTo>
                      <a:pt x="1056" y="154"/>
                    </a:lnTo>
                    <a:lnTo>
                      <a:pt x="1063" y="129"/>
                    </a:lnTo>
                    <a:lnTo>
                      <a:pt x="1071" y="104"/>
                    </a:lnTo>
                    <a:lnTo>
                      <a:pt x="1077" y="79"/>
                    </a:lnTo>
                    <a:lnTo>
                      <a:pt x="1081" y="52"/>
                    </a:lnTo>
                    <a:lnTo>
                      <a:pt x="1084" y="27"/>
                    </a:lnTo>
                    <a:lnTo>
                      <a:pt x="1086" y="0"/>
                    </a:lnTo>
                    <a:lnTo>
                      <a:pt x="0" y="0"/>
                    </a:lnTo>
                    <a:lnTo>
                      <a:pt x="0" y="0"/>
                    </a:lnTo>
                    <a:lnTo>
                      <a:pt x="3" y="27"/>
                    </a:lnTo>
                    <a:lnTo>
                      <a:pt x="6" y="52"/>
                    </a:lnTo>
                    <a:lnTo>
                      <a:pt x="10" y="79"/>
                    </a:lnTo>
                    <a:lnTo>
                      <a:pt x="16" y="104"/>
                    </a:lnTo>
                    <a:lnTo>
                      <a:pt x="24" y="129"/>
                    </a:lnTo>
                    <a:lnTo>
                      <a:pt x="31" y="154"/>
                    </a:lnTo>
                    <a:lnTo>
                      <a:pt x="40" y="178"/>
                    </a:lnTo>
                    <a:lnTo>
                      <a:pt x="50" y="202"/>
                    </a:lnTo>
                    <a:lnTo>
                      <a:pt x="62" y="224"/>
                    </a:lnTo>
                    <a:lnTo>
                      <a:pt x="74" y="246"/>
                    </a:lnTo>
                    <a:lnTo>
                      <a:pt x="87" y="268"/>
                    </a:lnTo>
                    <a:lnTo>
                      <a:pt x="102" y="289"/>
                    </a:lnTo>
                    <a:lnTo>
                      <a:pt x="117" y="309"/>
                    </a:lnTo>
                    <a:lnTo>
                      <a:pt x="133" y="328"/>
                    </a:lnTo>
                    <a:lnTo>
                      <a:pt x="151" y="347"/>
                    </a:lnTo>
                    <a:lnTo>
                      <a:pt x="169" y="365"/>
                    </a:lnTo>
                    <a:lnTo>
                      <a:pt x="187" y="383"/>
                    </a:lnTo>
                    <a:lnTo>
                      <a:pt x="206" y="398"/>
                    </a:lnTo>
                    <a:lnTo>
                      <a:pt x="227" y="414"/>
                    </a:lnTo>
                    <a:lnTo>
                      <a:pt x="248" y="427"/>
                    </a:lnTo>
                    <a:lnTo>
                      <a:pt x="270" y="441"/>
                    </a:lnTo>
                    <a:lnTo>
                      <a:pt x="292" y="454"/>
                    </a:lnTo>
                    <a:lnTo>
                      <a:pt x="314" y="464"/>
                    </a:lnTo>
                    <a:lnTo>
                      <a:pt x="338" y="475"/>
                    </a:lnTo>
                    <a:lnTo>
                      <a:pt x="362" y="485"/>
                    </a:lnTo>
                    <a:lnTo>
                      <a:pt x="387" y="492"/>
                    </a:lnTo>
                    <a:lnTo>
                      <a:pt x="412" y="500"/>
                    </a:lnTo>
                    <a:lnTo>
                      <a:pt x="437" y="504"/>
                    </a:lnTo>
                    <a:lnTo>
                      <a:pt x="463" y="510"/>
                    </a:lnTo>
                    <a:lnTo>
                      <a:pt x="489" y="513"/>
                    </a:lnTo>
                    <a:lnTo>
                      <a:pt x="516" y="515"/>
                    </a:lnTo>
                    <a:lnTo>
                      <a:pt x="543" y="515"/>
                    </a:lnTo>
                    <a:lnTo>
                      <a:pt x="543" y="51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a:ln>
                    <a:noFill/>
                  </a:ln>
                  <a:solidFill>
                    <a:prstClr val="black"/>
                  </a:solidFill>
                  <a:effectLst/>
                  <a:uLnTx/>
                  <a:uFillTx/>
                  <a:latin typeface="Maersk Text Light" panose="00000400000000000000" pitchFamily="50" charset="0"/>
                  <a:ea typeface="+mn-ea"/>
                  <a:cs typeface="+mn-cs"/>
                </a:endParaRPr>
              </a:p>
            </p:txBody>
          </p:sp>
        </p:grpSp>
        <p:sp>
          <p:nvSpPr>
            <p:cNvPr id="102" name="Oval 101">
              <a:extLst>
                <a:ext uri="{FF2B5EF4-FFF2-40B4-BE49-F238E27FC236}">
                  <a16:creationId xmlns:a16="http://schemas.microsoft.com/office/drawing/2014/main" id="{8D00FF25-7B64-41D5-A419-67BECEFD7CBA}"/>
                </a:ext>
              </a:extLst>
            </p:cNvPr>
            <p:cNvSpPr/>
            <p:nvPr/>
          </p:nvSpPr>
          <p:spPr>
            <a:xfrm>
              <a:off x="634995" y="2909441"/>
              <a:ext cx="90000" cy="90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60"/>
                </a:spcBef>
                <a:spcAft>
                  <a:spcPts val="600"/>
                </a:spcAft>
                <a:buClrTx/>
                <a:buSzTx/>
                <a:buFontTx/>
                <a:buNone/>
                <a:tabLst/>
                <a:defRPr/>
              </a:pPr>
              <a:endParaRPr kumimoji="0" lang="da-DK" sz="20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endParaRPr>
            </a:p>
          </p:txBody>
        </p:sp>
        <p:cxnSp>
          <p:nvCxnSpPr>
            <p:cNvPr id="103" name="Straight Connector 102">
              <a:extLst>
                <a:ext uri="{FF2B5EF4-FFF2-40B4-BE49-F238E27FC236}">
                  <a16:creationId xmlns:a16="http://schemas.microsoft.com/office/drawing/2014/main" id="{6D9D9EC0-ED04-436A-9A17-46101BFF2DB4}"/>
                </a:ext>
              </a:extLst>
            </p:cNvPr>
            <p:cNvCxnSpPr>
              <a:cxnSpLocks/>
              <a:stCxn id="102" idx="7"/>
              <a:endCxn id="104" idx="2"/>
            </p:cNvCxnSpPr>
            <p:nvPr/>
          </p:nvCxnSpPr>
          <p:spPr>
            <a:xfrm flipV="1">
              <a:off x="711815" y="1811983"/>
              <a:ext cx="583694" cy="1110638"/>
            </a:xfrm>
            <a:prstGeom prst="line">
              <a:avLst/>
            </a:prstGeom>
            <a:ln>
              <a:solidFill>
                <a:schemeClr val="accent2"/>
              </a:solidFill>
              <a:prstDash val="dash"/>
            </a:ln>
          </p:spPr>
          <p:style>
            <a:lnRef idx="1">
              <a:schemeClr val="accent1"/>
            </a:lnRef>
            <a:fillRef idx="0">
              <a:schemeClr val="accent1"/>
            </a:fillRef>
            <a:effectRef idx="0">
              <a:schemeClr val="accent1"/>
            </a:effectRef>
            <a:fontRef idx="minor">
              <a:schemeClr val="tx1"/>
            </a:fontRef>
          </p:style>
        </p:cxnSp>
        <p:sp>
          <p:nvSpPr>
            <p:cNvPr id="104" name="Rectangle 103">
              <a:extLst>
                <a:ext uri="{FF2B5EF4-FFF2-40B4-BE49-F238E27FC236}">
                  <a16:creationId xmlns:a16="http://schemas.microsoft.com/office/drawing/2014/main" id="{58D5FC7D-281D-438D-94F4-394C619B8E83}"/>
                </a:ext>
              </a:extLst>
            </p:cNvPr>
            <p:cNvSpPr/>
            <p:nvPr/>
          </p:nvSpPr>
          <p:spPr>
            <a:xfrm>
              <a:off x="514923" y="1352223"/>
              <a:ext cx="1561171" cy="459760"/>
            </a:xfrm>
            <a:prstGeom prst="rect">
              <a:avLst/>
            </a:prstGeom>
            <a:solidFill>
              <a:schemeClr val="accent2">
                <a:alpha val="6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60"/>
                </a:spcBef>
                <a:spcAft>
                  <a:spcPts val="600"/>
                </a:spcAft>
                <a:buClrTx/>
                <a:buSzTx/>
                <a:buFontTx/>
                <a:buNone/>
                <a:tabLst/>
                <a:defRPr/>
              </a:pPr>
              <a:r>
                <a:rPr kumimoji="0" lang="en-US" sz="9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rPr>
                <a:t>Working together in integrated project teams</a:t>
              </a:r>
              <a:endParaRPr kumimoji="0" lang="da-DK" sz="900" b="0" i="0" u="none" strike="noStrike" kern="1200" cap="none" spc="0" normalizeH="0" baseline="0" noProof="0">
                <a:ln>
                  <a:noFill/>
                </a:ln>
                <a:solidFill>
                  <a:prstClr val="white"/>
                </a:solidFill>
                <a:effectLst/>
                <a:uLnTx/>
                <a:uFillTx/>
                <a:latin typeface="Maersk Text Light" panose="00000400000000000000" pitchFamily="50" charset="0"/>
                <a:ea typeface="+mn-ea"/>
                <a:cs typeface="+mn-cs"/>
              </a:endParaRPr>
            </a:p>
          </p:txBody>
        </p:sp>
        <p:sp>
          <p:nvSpPr>
            <p:cNvPr id="105" name="Rectangle 104">
              <a:extLst>
                <a:ext uri="{FF2B5EF4-FFF2-40B4-BE49-F238E27FC236}">
                  <a16:creationId xmlns:a16="http://schemas.microsoft.com/office/drawing/2014/main" id="{09E6131E-C834-4707-892E-AD5A81321BCF}"/>
                </a:ext>
              </a:extLst>
            </p:cNvPr>
            <p:cNvSpPr/>
            <p:nvPr/>
          </p:nvSpPr>
          <p:spPr>
            <a:xfrm>
              <a:off x="502728" y="5694225"/>
              <a:ext cx="11332217" cy="338554"/>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600" b="1" i="0" u="none" strike="noStrike" kern="1200" cap="none" spc="40" normalizeH="0" baseline="0" noProof="0">
                <a:ln>
                  <a:noFill/>
                </a:ln>
                <a:solidFill>
                  <a:prstClr val="white"/>
                </a:solidFill>
                <a:effectLst/>
                <a:uLnTx/>
                <a:uFillTx/>
                <a:latin typeface="Maersk Text Light" panose="00000400000000000000" pitchFamily="50" charset="0"/>
                <a:ea typeface="+mn-ea"/>
                <a:cs typeface="+mn-cs"/>
              </a:endParaRPr>
            </a:p>
          </p:txBody>
        </p:sp>
        <p:sp>
          <p:nvSpPr>
            <p:cNvPr id="106" name="Title 5">
              <a:extLst>
                <a:ext uri="{FF2B5EF4-FFF2-40B4-BE49-F238E27FC236}">
                  <a16:creationId xmlns:a16="http://schemas.microsoft.com/office/drawing/2014/main" id="{06E10E82-C5D9-4BDA-B893-DD8EBC3D2906}"/>
                </a:ext>
              </a:extLst>
            </p:cNvPr>
            <p:cNvSpPr txBox="1">
              <a:spLocks/>
            </p:cNvSpPr>
            <p:nvPr/>
          </p:nvSpPr>
          <p:spPr>
            <a:xfrm>
              <a:off x="632741" y="5647775"/>
              <a:ext cx="9308876" cy="368947"/>
            </a:xfrm>
            <a:prstGeom prst="rect">
              <a:avLst/>
            </a:prstGeom>
          </p:spPr>
          <p:txBody>
            <a:bodyPr vert="horz" lIns="0" tIns="0" rIns="0" bIns="0" rtlCol="0" anchor="ctr" anchorCtr="0">
              <a:noAutofit/>
            </a:bodyPr>
            <a:lstStyle>
              <a:lvl1pPr algn="l" defTabSz="1219170" rtl="0" eaLnBrk="1" latinLnBrk="0" hangingPunct="1">
                <a:lnSpc>
                  <a:spcPct val="95000"/>
                </a:lnSpc>
                <a:spcBef>
                  <a:spcPct val="0"/>
                </a:spcBef>
                <a:buNone/>
                <a:defRPr sz="2800" kern="1200" spc="-13" baseline="0">
                  <a:solidFill>
                    <a:schemeClr val="tx1"/>
                  </a:solidFill>
                  <a:latin typeface="+mj-lt"/>
                  <a:ea typeface="+mj-ea"/>
                  <a:cs typeface="+mj-cs"/>
                </a:defRPr>
              </a:lvl1pPr>
            </a:lstStyle>
            <a:p>
              <a:pPr marL="0" marR="0" lvl="0" indent="0" algn="l" defTabSz="1219170" rtl="0" eaLnBrk="1" fontAlgn="auto" latinLnBrk="0" hangingPunct="1">
                <a:lnSpc>
                  <a:spcPct val="95000"/>
                </a:lnSpc>
                <a:spcBef>
                  <a:spcPct val="0"/>
                </a:spcBef>
                <a:spcAft>
                  <a:spcPts val="0"/>
                </a:spcAft>
                <a:buClrTx/>
                <a:buSzTx/>
                <a:buFontTx/>
                <a:buNone/>
                <a:tabLst/>
                <a:defRPr/>
              </a:pPr>
              <a:r>
                <a:rPr kumimoji="0" lang="en-US" sz="1800" b="0" i="0" u="none" strike="noStrike" kern="1200" cap="none" spc="-13" normalizeH="0" baseline="0" noProof="0">
                  <a:ln>
                    <a:noFill/>
                  </a:ln>
                  <a:solidFill>
                    <a:prstClr val="black">
                      <a:alpha val="80000"/>
                    </a:prstClr>
                  </a:solidFill>
                  <a:effectLst/>
                  <a:uLnTx/>
                  <a:uFillTx/>
                  <a:latin typeface="Maersk Text Light" panose="00000400000000000000" pitchFamily="50" charset="0"/>
                  <a:ea typeface="+mj-ea"/>
                  <a:cs typeface="+mj-cs"/>
                </a:rPr>
                <a:t>Constantly rethinking decommissioning to </a:t>
              </a:r>
              <a:r>
                <a:rPr kumimoji="0" lang="en-US" sz="1800" b="0" i="0" u="none" strike="noStrike" kern="1200" cap="none" spc="-13" normalizeH="0" baseline="0" noProof="0" err="1">
                  <a:ln>
                    <a:noFill/>
                  </a:ln>
                  <a:solidFill>
                    <a:prstClr val="black">
                      <a:alpha val="80000"/>
                    </a:prstClr>
                  </a:solidFill>
                  <a:effectLst/>
                  <a:uLnTx/>
                  <a:uFillTx/>
                  <a:latin typeface="Maersk Text Light" panose="00000400000000000000" pitchFamily="50" charset="0"/>
                  <a:ea typeface="+mj-ea"/>
                  <a:cs typeface="+mj-cs"/>
                </a:rPr>
                <a:t>maximise</a:t>
              </a:r>
              <a:r>
                <a:rPr kumimoji="0" lang="en-US" sz="1800" b="0" i="0" u="none" strike="noStrike" kern="1200" cap="none" spc="-13" normalizeH="0" baseline="0" noProof="0">
                  <a:ln>
                    <a:noFill/>
                  </a:ln>
                  <a:solidFill>
                    <a:prstClr val="black">
                      <a:alpha val="80000"/>
                    </a:prstClr>
                  </a:solidFill>
                  <a:effectLst/>
                  <a:uLnTx/>
                  <a:uFillTx/>
                  <a:latin typeface="Maersk Text Light" panose="00000400000000000000" pitchFamily="50" charset="0"/>
                  <a:ea typeface="+mj-ea"/>
                  <a:cs typeface="+mj-cs"/>
                </a:rPr>
                <a:t> value and sustainability</a:t>
              </a:r>
            </a:p>
          </p:txBody>
        </p:sp>
      </p:grpSp>
      <p:pic>
        <p:nvPicPr>
          <p:cNvPr id="135" name="Picture 134">
            <a:extLst>
              <a:ext uri="{FF2B5EF4-FFF2-40B4-BE49-F238E27FC236}">
                <a16:creationId xmlns:a16="http://schemas.microsoft.com/office/drawing/2014/main" id="{D8A23059-E48E-41C9-999B-96D5BA99B0F2}"/>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10323409" y="5978967"/>
            <a:ext cx="1853786" cy="871318"/>
          </a:xfrm>
          <a:prstGeom prst="rect">
            <a:avLst/>
          </a:prstGeom>
        </p:spPr>
      </p:pic>
      <p:pic>
        <p:nvPicPr>
          <p:cNvPr id="136" name="Picture 135">
            <a:extLst>
              <a:ext uri="{FF2B5EF4-FFF2-40B4-BE49-F238E27FC236}">
                <a16:creationId xmlns:a16="http://schemas.microsoft.com/office/drawing/2014/main" id="{F0355EC6-619B-4145-BD26-9DB66B5CC106}"/>
              </a:ext>
            </a:extLst>
          </p:cNvPr>
          <p:cNvPicPr>
            <a:picLocks noChangeAspect="1"/>
          </p:cNvPicPr>
          <p:nvPr/>
        </p:nvPicPr>
        <p:blipFill>
          <a:blip r:embed="rId10" cstate="print">
            <a:duotone>
              <a:schemeClr val="bg2">
                <a:shade val="45000"/>
                <a:satMod val="135000"/>
              </a:schemeClr>
              <a:prstClr val="white"/>
            </a:duotone>
            <a:extLst>
              <a:ext uri="{BEBA8EAE-BF5A-486C-A8C5-ECC9F3942E4B}">
                <a14:imgProps xmlns:a14="http://schemas.microsoft.com/office/drawing/2010/main">
                  <a14:imgLayer r:embed="rId11">
                    <a14:imgEffect>
                      <a14:brightnessContrast bright="-20000" contrast="20000"/>
                    </a14:imgEffect>
                  </a14:imgLayer>
                </a14:imgProps>
              </a:ext>
              <a:ext uri="{28A0092B-C50C-407E-A947-70E740481C1C}">
                <a14:useLocalDpi xmlns:a14="http://schemas.microsoft.com/office/drawing/2010/main" val="0"/>
              </a:ext>
            </a:extLst>
          </a:blip>
          <a:stretch>
            <a:fillRect/>
          </a:stretch>
        </p:blipFill>
        <p:spPr>
          <a:xfrm>
            <a:off x="6588185" y="2529937"/>
            <a:ext cx="2896127" cy="1639612"/>
          </a:xfrm>
          <a:prstGeom prst="rect">
            <a:avLst/>
          </a:prstGeom>
        </p:spPr>
      </p:pic>
      <p:pic>
        <p:nvPicPr>
          <p:cNvPr id="79" name="Picture 78" descr="A picture containing logo&#10;&#10;Description automatically generated">
            <a:extLst>
              <a:ext uri="{FF2B5EF4-FFF2-40B4-BE49-F238E27FC236}">
                <a16:creationId xmlns:a16="http://schemas.microsoft.com/office/drawing/2014/main" id="{1C67E169-34DB-C742-88A4-758B812ECCC4}"/>
              </a:ext>
            </a:extLst>
          </p:cNvPr>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11109833" y="179654"/>
            <a:ext cx="896977" cy="896977"/>
          </a:xfrm>
          <a:prstGeom prst="rect">
            <a:avLst/>
          </a:prstGeom>
        </p:spPr>
      </p:pic>
    </p:spTree>
    <p:custDataLst>
      <p:tags r:id="rId1"/>
    </p:custDataLst>
    <p:extLst>
      <p:ext uri="{BB962C8B-B14F-4D97-AF65-F5344CB8AC3E}">
        <p14:creationId xmlns:p14="http://schemas.microsoft.com/office/powerpoint/2010/main" val="136606516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B79BF55-070D-40B0-84D4-4D7187545849}"/>
              </a:ext>
            </a:extLst>
          </p:cNvPr>
          <p:cNvSpPr>
            <a:spLocks noGrp="1"/>
          </p:cNvSpPr>
          <p:nvPr>
            <p:ph type="sldNum" sz="quarter" idx="17"/>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A204BC-C5BA-4EF4-ABC8-D45123A0C528}" type="slidenum">
              <a:rPr kumimoji="0" lang="en-GB" sz="100" b="0" i="0" u="none" strike="noStrike" kern="1200" cap="none" spc="0" normalizeH="0" baseline="0" noProof="0" smtClean="0">
                <a:ln>
                  <a:noFill/>
                </a:ln>
                <a:solidFill>
                  <a:prstClr val="white"/>
                </a:solidFill>
                <a:effectLst/>
                <a:uLnTx/>
                <a:uFillTx/>
                <a:latin typeface="Maersk Text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7</a:t>
            </a:fld>
            <a:endParaRPr kumimoji="0" lang="en-GB" sz="100" b="0" i="0" u="none" strike="noStrike" kern="1200" cap="none" spc="0" normalizeH="0" baseline="0" noProof="0">
              <a:ln>
                <a:noFill/>
              </a:ln>
              <a:solidFill>
                <a:prstClr val="white"/>
              </a:solidFill>
              <a:effectLst/>
              <a:uLnTx/>
              <a:uFillTx/>
              <a:latin typeface="Maersk Text Office"/>
              <a:ea typeface="+mn-ea"/>
              <a:cs typeface="+mn-cs"/>
            </a:endParaRPr>
          </a:p>
        </p:txBody>
      </p:sp>
      <p:sp>
        <p:nvSpPr>
          <p:cNvPr id="4" name="Text Placeholder 3">
            <a:extLst>
              <a:ext uri="{FF2B5EF4-FFF2-40B4-BE49-F238E27FC236}">
                <a16:creationId xmlns:a16="http://schemas.microsoft.com/office/drawing/2014/main" id="{681DE6BD-FB13-40D3-8375-3F0A4C5E0564}"/>
              </a:ext>
            </a:extLst>
          </p:cNvPr>
          <p:cNvSpPr>
            <a:spLocks noGrp="1"/>
          </p:cNvSpPr>
          <p:nvPr>
            <p:ph type="body" sz="quarter" idx="14"/>
          </p:nvPr>
        </p:nvSpPr>
        <p:spPr>
          <a:xfrm>
            <a:off x="10313965" y="5975285"/>
            <a:ext cx="1885918" cy="890598"/>
          </a:xfrm>
        </p:spPr>
        <p:txBody>
          <a:bodyPr/>
          <a:lstStyle/>
          <a:p>
            <a:endParaRPr lang="en-US"/>
          </a:p>
        </p:txBody>
      </p:sp>
      <p:sp>
        <p:nvSpPr>
          <p:cNvPr id="248" name="Title 2">
            <a:extLst>
              <a:ext uri="{FF2B5EF4-FFF2-40B4-BE49-F238E27FC236}">
                <a16:creationId xmlns:a16="http://schemas.microsoft.com/office/drawing/2014/main" id="{86130833-36C5-4321-A676-C92916BF6A0F}"/>
              </a:ext>
            </a:extLst>
          </p:cNvPr>
          <p:cNvSpPr txBox="1">
            <a:spLocks/>
          </p:cNvSpPr>
          <p:nvPr/>
        </p:nvSpPr>
        <p:spPr>
          <a:xfrm>
            <a:off x="417561" y="1491646"/>
            <a:ext cx="11209537" cy="719138"/>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tabLst>
                <a:tab pos="936000" algn="l"/>
              </a:tabLst>
              <a:defRPr sz="4000" b="0" kern="1200">
                <a:solidFill>
                  <a:schemeClr val="bg2"/>
                </a:solidFill>
                <a:latin typeface="+mj-lt"/>
                <a:ea typeface="+mj-ea"/>
                <a:cs typeface="+mj-cs"/>
              </a:defRPr>
            </a:lvl1pPr>
          </a:lstStyle>
          <a:p>
            <a:pPr marL="0" marR="0" lvl="0" indent="0" algn="l" defTabSz="914400" rtl="0" eaLnBrk="1" fontAlgn="auto" latinLnBrk="0" hangingPunct="1">
              <a:lnSpc>
                <a:spcPct val="100000"/>
              </a:lnSpc>
              <a:spcBef>
                <a:spcPct val="0"/>
              </a:spcBef>
              <a:spcAft>
                <a:spcPts val="0"/>
              </a:spcAft>
              <a:buClrTx/>
              <a:buSzTx/>
              <a:buFontTx/>
              <a:buNone/>
              <a:tabLst>
                <a:tab pos="936000" algn="l"/>
              </a:tabLst>
              <a:defRPr/>
            </a:pPr>
            <a:r>
              <a:rPr lang="da-DK" sz="3200">
                <a:solidFill>
                  <a:prstClr val="black"/>
                </a:solidFill>
                <a:latin typeface="Maersk Headline Office Light"/>
              </a:rPr>
              <a:t>Maersk </a:t>
            </a:r>
            <a:r>
              <a:rPr lang="da-DK" sz="3200" err="1">
                <a:solidFill>
                  <a:prstClr val="black"/>
                </a:solidFill>
                <a:latin typeface="Maersk Headline Office Light"/>
              </a:rPr>
              <a:t>Decom</a:t>
            </a:r>
            <a:r>
              <a:rPr kumimoji="0" lang="da-DK" sz="3200" b="0" i="0" u="none" strike="noStrike" kern="1200" cap="none" spc="0" normalizeH="0" baseline="0" noProof="0">
                <a:ln>
                  <a:noFill/>
                </a:ln>
                <a:solidFill>
                  <a:prstClr val="black"/>
                </a:solidFill>
                <a:effectLst/>
                <a:uLnTx/>
                <a:uFillTx/>
                <a:latin typeface="Maersk Headline Office Light"/>
                <a:ea typeface="+mj-ea"/>
                <a:cs typeface="+mj-cs"/>
              </a:rPr>
              <a:t> deliver it all as </a:t>
            </a:r>
          </a:p>
          <a:p>
            <a:pPr marL="0" marR="0" lvl="0" indent="0" algn="l" defTabSz="914400" rtl="0" eaLnBrk="1" fontAlgn="auto" latinLnBrk="0" hangingPunct="1">
              <a:lnSpc>
                <a:spcPct val="100000"/>
              </a:lnSpc>
              <a:spcBef>
                <a:spcPct val="0"/>
              </a:spcBef>
              <a:spcAft>
                <a:spcPts val="0"/>
              </a:spcAft>
              <a:buClrTx/>
              <a:buSzTx/>
              <a:buFontTx/>
              <a:buNone/>
              <a:tabLst>
                <a:tab pos="936000" algn="l"/>
              </a:tabLst>
              <a:defRPr/>
            </a:pPr>
            <a:r>
              <a:rPr kumimoji="0" lang="da-DK" sz="3200" b="0" i="0" u="none" strike="noStrike" kern="1200" cap="none" spc="0" normalizeH="0" baseline="0" noProof="0">
                <a:ln>
                  <a:noFill/>
                </a:ln>
                <a:solidFill>
                  <a:prstClr val="black"/>
                </a:solidFill>
                <a:effectLst/>
                <a:uLnTx/>
                <a:uFillTx/>
                <a:latin typeface="Maersk Headline Office Light"/>
                <a:ea typeface="+mj-ea"/>
                <a:cs typeface="+mj-cs"/>
              </a:rPr>
              <a:t>	</a:t>
            </a:r>
            <a:r>
              <a:rPr kumimoji="0" lang="da-DK" sz="4000" b="0" i="0" u="none" strike="noStrike" kern="1200" cap="none" spc="0" normalizeH="0" baseline="0" noProof="0" err="1">
                <a:ln>
                  <a:noFill/>
                </a:ln>
                <a:solidFill>
                  <a:srgbClr val="004D40">
                    <a:lumMod val="75000"/>
                    <a:lumOff val="25000"/>
                  </a:srgbClr>
                </a:solidFill>
                <a:effectLst/>
                <a:uLnTx/>
                <a:uFillTx/>
                <a:latin typeface="Maersk Headline Office Light"/>
                <a:ea typeface="+mj-ea"/>
                <a:cs typeface="+mj-cs"/>
              </a:rPr>
              <a:t>one</a:t>
            </a:r>
            <a:r>
              <a:rPr kumimoji="0" lang="da-DK" sz="4000" b="0" i="0" u="none" strike="noStrike" kern="1200" cap="none" spc="0" normalizeH="0" baseline="0" noProof="0">
                <a:ln>
                  <a:noFill/>
                </a:ln>
                <a:solidFill>
                  <a:srgbClr val="004D40">
                    <a:lumMod val="75000"/>
                    <a:lumOff val="25000"/>
                  </a:srgbClr>
                </a:solidFill>
                <a:effectLst/>
                <a:uLnTx/>
                <a:uFillTx/>
                <a:latin typeface="Maersk Headline Office Light"/>
                <a:ea typeface="+mj-ea"/>
                <a:cs typeface="+mj-cs"/>
              </a:rPr>
              <a:t> </a:t>
            </a:r>
            <a:r>
              <a:rPr kumimoji="0" lang="da-DK" sz="4000" b="0" i="0" u="none" strike="noStrike" kern="1200" cap="none" spc="0" normalizeH="0" baseline="0" noProof="0" err="1">
                <a:ln>
                  <a:noFill/>
                </a:ln>
                <a:solidFill>
                  <a:srgbClr val="004D40">
                    <a:lumMod val="75000"/>
                    <a:lumOff val="25000"/>
                  </a:srgbClr>
                </a:solidFill>
                <a:effectLst/>
                <a:uLnTx/>
                <a:uFillTx/>
                <a:latin typeface="Maersk Headline Office Light"/>
                <a:ea typeface="+mj-ea"/>
                <a:cs typeface="+mj-cs"/>
              </a:rPr>
              <a:t>integrated</a:t>
            </a:r>
            <a:r>
              <a:rPr kumimoji="0" lang="da-DK" sz="4000" b="0" i="0" u="none" strike="noStrike" kern="1200" cap="none" spc="0" normalizeH="0" baseline="0" noProof="0">
                <a:ln>
                  <a:noFill/>
                </a:ln>
                <a:solidFill>
                  <a:srgbClr val="004D40">
                    <a:lumMod val="75000"/>
                    <a:lumOff val="25000"/>
                  </a:srgbClr>
                </a:solidFill>
                <a:effectLst/>
                <a:uLnTx/>
                <a:uFillTx/>
                <a:latin typeface="Maersk Headline Office Light"/>
                <a:ea typeface="+mj-ea"/>
                <a:cs typeface="+mj-cs"/>
              </a:rPr>
              <a:t> team, </a:t>
            </a:r>
            <a:br>
              <a:rPr kumimoji="0" lang="da-DK" sz="4000" b="0" i="0" u="none" strike="noStrike" kern="1200" cap="none" spc="0" normalizeH="0" baseline="0" noProof="0">
                <a:ln>
                  <a:noFill/>
                </a:ln>
                <a:solidFill>
                  <a:srgbClr val="004D40">
                    <a:lumMod val="75000"/>
                    <a:lumOff val="25000"/>
                  </a:srgbClr>
                </a:solidFill>
                <a:effectLst/>
                <a:uLnTx/>
                <a:uFillTx/>
                <a:latin typeface="Maersk Headline Office Light"/>
                <a:ea typeface="+mj-ea"/>
                <a:cs typeface="+mj-cs"/>
              </a:rPr>
            </a:br>
            <a:r>
              <a:rPr kumimoji="0" lang="da-DK" sz="3200" b="0" i="0" u="none" strike="noStrike" kern="1200" cap="none" spc="0" normalizeH="0" baseline="0" noProof="0">
                <a:ln>
                  <a:noFill/>
                </a:ln>
                <a:solidFill>
                  <a:prstClr val="black"/>
                </a:solidFill>
                <a:effectLst/>
                <a:uLnTx/>
                <a:uFillTx/>
                <a:latin typeface="Maersk Headline Office Light"/>
                <a:ea typeface="+mj-ea"/>
                <a:cs typeface="+mj-cs"/>
              </a:rPr>
              <a:t>    </a:t>
            </a:r>
            <a:r>
              <a:rPr kumimoji="0" lang="da-DK" sz="3200" b="0" i="0" u="none" strike="noStrike" kern="1200" cap="none" spc="0" normalizeH="0" baseline="0" noProof="0" err="1">
                <a:ln>
                  <a:noFill/>
                </a:ln>
                <a:solidFill>
                  <a:prstClr val="black"/>
                </a:solidFill>
                <a:effectLst/>
                <a:uLnTx/>
                <a:uFillTx/>
                <a:latin typeface="Maersk Headline Office Light"/>
                <a:ea typeface="+mj-ea"/>
                <a:cs typeface="+mj-cs"/>
              </a:rPr>
              <a:t>including</a:t>
            </a:r>
            <a:r>
              <a:rPr kumimoji="0" lang="da-DK" sz="3200" b="0" i="0" u="none" strike="noStrike" kern="1200" cap="none" spc="0" normalizeH="0" baseline="0" noProof="0">
                <a:ln>
                  <a:noFill/>
                </a:ln>
                <a:solidFill>
                  <a:prstClr val="black"/>
                </a:solidFill>
                <a:effectLst/>
                <a:uLnTx/>
                <a:uFillTx/>
                <a:latin typeface="Maersk Headline Office Light"/>
                <a:ea typeface="+mj-ea"/>
                <a:cs typeface="+mj-cs"/>
              </a:rPr>
              <a:t> </a:t>
            </a:r>
            <a:r>
              <a:rPr kumimoji="0" lang="da-DK" sz="3200" b="0" i="0" u="none" strike="noStrike" kern="1200" cap="none" spc="0" normalizeH="0" baseline="0" noProof="0" err="1">
                <a:ln>
                  <a:noFill/>
                </a:ln>
                <a:solidFill>
                  <a:prstClr val="black"/>
                </a:solidFill>
                <a:effectLst/>
                <a:uLnTx/>
                <a:uFillTx/>
                <a:latin typeface="Maersk Headline Office Light"/>
                <a:ea typeface="+mj-ea"/>
                <a:cs typeface="+mj-cs"/>
              </a:rPr>
              <a:t>project</a:t>
            </a:r>
            <a:r>
              <a:rPr kumimoji="0" lang="da-DK" sz="3200" b="0" i="0" u="none" strike="noStrike" kern="1200" cap="none" spc="0" normalizeH="0" baseline="0" noProof="0">
                <a:ln>
                  <a:noFill/>
                </a:ln>
                <a:solidFill>
                  <a:prstClr val="black"/>
                </a:solidFill>
                <a:effectLst/>
                <a:uLnTx/>
                <a:uFillTx/>
                <a:latin typeface="Maersk Headline Office Light"/>
                <a:ea typeface="+mj-ea"/>
                <a:cs typeface="+mj-cs"/>
              </a:rPr>
              <a:t> management </a:t>
            </a:r>
          </a:p>
          <a:p>
            <a:pPr marL="0" marR="0" lvl="0" indent="0" algn="l" defTabSz="914400" rtl="0" eaLnBrk="1" fontAlgn="auto" latinLnBrk="0" hangingPunct="1">
              <a:lnSpc>
                <a:spcPct val="100000"/>
              </a:lnSpc>
              <a:spcBef>
                <a:spcPct val="0"/>
              </a:spcBef>
              <a:spcAft>
                <a:spcPts val="0"/>
              </a:spcAft>
              <a:buClrTx/>
              <a:buSzTx/>
              <a:buFontTx/>
              <a:buNone/>
              <a:tabLst>
                <a:tab pos="936000" algn="l"/>
              </a:tabLst>
              <a:defRPr/>
            </a:pPr>
            <a:r>
              <a:rPr kumimoji="0" lang="da-DK" sz="3200" b="0" i="0" u="none" strike="noStrike" kern="1200" cap="none" spc="0" normalizeH="0" baseline="0" noProof="0">
                <a:ln>
                  <a:noFill/>
                </a:ln>
                <a:solidFill>
                  <a:prstClr val="black"/>
                </a:solidFill>
                <a:effectLst/>
                <a:uLnTx/>
                <a:uFillTx/>
                <a:latin typeface="Maersk Headline Office Light"/>
                <a:ea typeface="+mj-ea"/>
                <a:cs typeface="+mj-cs"/>
              </a:rPr>
              <a:t>	and </a:t>
            </a:r>
            <a:r>
              <a:rPr kumimoji="0" lang="da-DK" sz="3200" b="0" i="0" u="none" strike="noStrike" kern="1200" cap="none" spc="0" normalizeH="0" baseline="0" noProof="0" err="1">
                <a:ln>
                  <a:noFill/>
                </a:ln>
                <a:solidFill>
                  <a:prstClr val="black"/>
                </a:solidFill>
                <a:effectLst/>
                <a:uLnTx/>
                <a:uFillTx/>
                <a:latin typeface="Maersk Headline Office Light"/>
                <a:ea typeface="+mj-ea"/>
                <a:cs typeface="+mj-cs"/>
              </a:rPr>
              <a:t>engineering</a:t>
            </a:r>
            <a:endParaRPr kumimoji="0" lang="da-DK" sz="3200" b="0" i="0" u="none" strike="noStrike" kern="1200" cap="none" spc="0" normalizeH="0" baseline="0" noProof="0">
              <a:ln>
                <a:noFill/>
              </a:ln>
              <a:solidFill>
                <a:prstClr val="black"/>
              </a:solidFill>
              <a:effectLst/>
              <a:uLnTx/>
              <a:uFillTx/>
              <a:latin typeface="Maersk Headline Office Light"/>
              <a:ea typeface="+mj-ea"/>
              <a:cs typeface="+mj-cs"/>
            </a:endParaRPr>
          </a:p>
        </p:txBody>
      </p:sp>
      <p:sp>
        <p:nvSpPr>
          <p:cNvPr id="249" name="Ellipse 5">
            <a:extLst>
              <a:ext uri="{FF2B5EF4-FFF2-40B4-BE49-F238E27FC236}">
                <a16:creationId xmlns:a16="http://schemas.microsoft.com/office/drawing/2014/main" id="{FDF99C79-87CF-4194-80DC-D3657F2B9C66}"/>
              </a:ext>
            </a:extLst>
          </p:cNvPr>
          <p:cNvSpPr/>
          <p:nvPr/>
        </p:nvSpPr>
        <p:spPr>
          <a:xfrm>
            <a:off x="8069759" y="2396508"/>
            <a:ext cx="2207683" cy="2207682"/>
          </a:xfrm>
          <a:prstGeom prst="ellipse">
            <a:avLst/>
          </a:prstGeom>
          <a:noFill/>
          <a:ln w="19050" cap="flat" cmpd="sng" algn="ctr">
            <a:solidFill>
              <a:schemeClr val="accent2"/>
            </a:solidFill>
            <a:prstDash val="solid"/>
            <a:round/>
            <a:headEnd type="none" w="med" len="med"/>
            <a:tailEnd type="none" w="med" len="med"/>
          </a:ln>
          <a:effectLst/>
        </p:spPr>
        <p:txBody>
          <a:bodyPr rtlCol="0" anchor="ctr"/>
          <a:lstStyle/>
          <a:p>
            <a:pPr marL="0" marR="0" lvl="0" indent="0" algn="ctr" defTabSz="1219170" rtl="0" eaLnBrk="1" fontAlgn="auto" latinLnBrk="0" hangingPunct="1">
              <a:lnSpc>
                <a:spcPct val="100000"/>
              </a:lnSpc>
              <a:spcBef>
                <a:spcPts val="60"/>
              </a:spcBef>
              <a:spcAft>
                <a:spcPts val="600"/>
              </a:spcAft>
              <a:buClrTx/>
              <a:buSzTx/>
              <a:buFontTx/>
              <a:buNone/>
              <a:tabLst/>
              <a:defRPr/>
            </a:pPr>
            <a:endParaRPr kumimoji="0" lang="da-DK" sz="1800" b="0" i="0" u="none" strike="noStrike" kern="0" cap="none" spc="0" normalizeH="0" baseline="0" noProof="0">
              <a:ln>
                <a:noFill/>
              </a:ln>
              <a:solidFill>
                <a:srgbClr val="FFFFFF"/>
              </a:solidFill>
              <a:effectLst/>
              <a:uLnTx/>
              <a:uFillTx/>
              <a:latin typeface="Maersk Text Light" panose="00000400000000000000" pitchFamily="50" charset="0"/>
              <a:ea typeface="+mn-ea"/>
              <a:cs typeface="+mn-cs"/>
            </a:endParaRPr>
          </a:p>
        </p:txBody>
      </p:sp>
      <p:sp>
        <p:nvSpPr>
          <p:cNvPr id="250" name="Ellipse 6">
            <a:extLst>
              <a:ext uri="{FF2B5EF4-FFF2-40B4-BE49-F238E27FC236}">
                <a16:creationId xmlns:a16="http://schemas.microsoft.com/office/drawing/2014/main" id="{A30BEE60-63F3-415E-88DA-71BA6CA984D9}"/>
              </a:ext>
            </a:extLst>
          </p:cNvPr>
          <p:cNvSpPr/>
          <p:nvPr/>
        </p:nvSpPr>
        <p:spPr>
          <a:xfrm>
            <a:off x="8460568" y="2783950"/>
            <a:ext cx="1427435" cy="1427435"/>
          </a:xfrm>
          <a:prstGeom prst="ellipse">
            <a:avLst/>
          </a:prstGeom>
          <a:solidFill>
            <a:srgbClr val="FFFFFF">
              <a:alpha val="69804"/>
            </a:srgbClr>
          </a:solidFill>
          <a:ln w="25400" cap="flat" cmpd="sng" algn="ctr">
            <a:noFill/>
            <a:prstDash val="solid"/>
            <a:round/>
            <a:headEnd type="none" w="med" len="med"/>
            <a:tailEnd type="none" w="med" len="med"/>
          </a:ln>
          <a:effectLst/>
        </p:spPr>
        <p:txBody>
          <a:bodyPr rtlCol="0" anchor="ctr"/>
          <a:lstStyle/>
          <a:p>
            <a:pPr marL="0" marR="0" lvl="0" indent="0" algn="ctr" defTabSz="1219170" rtl="0" eaLnBrk="1" fontAlgn="auto" latinLnBrk="0" hangingPunct="1">
              <a:lnSpc>
                <a:spcPct val="100000"/>
              </a:lnSpc>
              <a:spcBef>
                <a:spcPts val="60"/>
              </a:spcBef>
              <a:spcAft>
                <a:spcPts val="600"/>
              </a:spcAft>
              <a:buClrTx/>
              <a:buSzTx/>
              <a:buFontTx/>
              <a:buNone/>
              <a:tabLst/>
              <a:defRPr/>
            </a:pPr>
            <a:endParaRPr kumimoji="0" lang="da-DK" sz="1800" b="0" i="0" u="none" strike="noStrike" kern="0" cap="none" spc="0" normalizeH="0" baseline="0" noProof="0">
              <a:ln>
                <a:noFill/>
              </a:ln>
              <a:solidFill>
                <a:srgbClr val="FFFFFF"/>
              </a:solidFill>
              <a:effectLst/>
              <a:uLnTx/>
              <a:uFillTx/>
              <a:latin typeface="Maersk Text Light" panose="00000400000000000000" pitchFamily="50" charset="0"/>
              <a:ea typeface="+mn-ea"/>
              <a:cs typeface="+mn-cs"/>
            </a:endParaRPr>
          </a:p>
        </p:txBody>
      </p:sp>
      <p:sp>
        <p:nvSpPr>
          <p:cNvPr id="251" name="Titel 1">
            <a:extLst>
              <a:ext uri="{FF2B5EF4-FFF2-40B4-BE49-F238E27FC236}">
                <a16:creationId xmlns:a16="http://schemas.microsoft.com/office/drawing/2014/main" id="{3EBBE486-FF5F-4AED-96FE-A6F2FAB947FD}"/>
              </a:ext>
            </a:extLst>
          </p:cNvPr>
          <p:cNvSpPr txBox="1">
            <a:spLocks/>
          </p:cNvSpPr>
          <p:nvPr/>
        </p:nvSpPr>
        <p:spPr>
          <a:xfrm>
            <a:off x="8344131" y="3245393"/>
            <a:ext cx="1663139" cy="553998"/>
          </a:xfrm>
          <a:prstGeom prst="rect">
            <a:avLst/>
          </a:prstGeom>
        </p:spPr>
        <p:txBody>
          <a:bodyPr wrap="square" lIns="0" tIns="0" rIns="0" bIns="0">
            <a:spAutoFit/>
          </a:bodyPr>
          <a:lstStyle/>
          <a:p>
            <a:pPr marL="0" marR="0" lvl="0" indent="0" algn="ctr" defTabSz="457200" rtl="0" eaLnBrk="1" fontAlgn="auto" latinLnBrk="0" hangingPunct="1">
              <a:lnSpc>
                <a:spcPct val="100000"/>
              </a:lnSpc>
              <a:spcBef>
                <a:spcPct val="0"/>
              </a:spcBef>
              <a:spcAft>
                <a:spcPts val="0"/>
              </a:spcAft>
              <a:buClrTx/>
              <a:buSzTx/>
              <a:buFontTx/>
              <a:buNone/>
              <a:tabLst/>
              <a:defRPr/>
            </a:pPr>
            <a:r>
              <a:rPr kumimoji="0" lang="da-DK" sz="1800" b="0" i="0" u="none" strike="noStrike" kern="0" cap="none" spc="0" normalizeH="0" baseline="0" noProof="1">
                <a:ln>
                  <a:noFill/>
                </a:ln>
                <a:solidFill>
                  <a:srgbClr val="004D40">
                    <a:lumMod val="75000"/>
                    <a:lumOff val="25000"/>
                  </a:srgbClr>
                </a:solidFill>
                <a:effectLst/>
                <a:uLnTx/>
                <a:uFillTx/>
                <a:latin typeface="Maersk Text Office"/>
                <a:ea typeface="+mn-ea"/>
                <a:cs typeface="Zetta Sans Light"/>
              </a:rPr>
              <a:t>Scalable</a:t>
            </a:r>
          </a:p>
          <a:p>
            <a:pPr marL="0" marR="0" lvl="0" indent="0" algn="ctr" defTabSz="457200" rtl="0" eaLnBrk="1" fontAlgn="auto" latinLnBrk="0" hangingPunct="1">
              <a:lnSpc>
                <a:spcPct val="100000"/>
              </a:lnSpc>
              <a:spcBef>
                <a:spcPct val="0"/>
              </a:spcBef>
              <a:spcAft>
                <a:spcPts val="0"/>
              </a:spcAft>
              <a:buClrTx/>
              <a:buSzTx/>
              <a:buFontTx/>
              <a:buNone/>
              <a:tabLst/>
              <a:defRPr/>
            </a:pPr>
            <a:r>
              <a:rPr kumimoji="0" lang="da-DK" sz="1800" b="0" i="0" u="none" strike="noStrike" kern="0" cap="none" spc="0" normalizeH="0" baseline="0" noProof="1">
                <a:ln>
                  <a:noFill/>
                </a:ln>
                <a:solidFill>
                  <a:srgbClr val="004D40">
                    <a:lumMod val="75000"/>
                    <a:lumOff val="25000"/>
                  </a:srgbClr>
                </a:solidFill>
                <a:effectLst/>
                <a:uLnTx/>
                <a:uFillTx/>
                <a:latin typeface="Maersk Text Office"/>
                <a:ea typeface="+mn-ea"/>
                <a:cs typeface="Zetta Sans Light"/>
              </a:rPr>
              <a:t>Solutions</a:t>
            </a:r>
          </a:p>
        </p:txBody>
      </p:sp>
      <p:sp>
        <p:nvSpPr>
          <p:cNvPr id="252" name="Ellipse 11">
            <a:extLst>
              <a:ext uri="{FF2B5EF4-FFF2-40B4-BE49-F238E27FC236}">
                <a16:creationId xmlns:a16="http://schemas.microsoft.com/office/drawing/2014/main" id="{8B5F05AD-815A-47E4-98C8-E1BA6E878620}"/>
              </a:ext>
            </a:extLst>
          </p:cNvPr>
          <p:cNvSpPr>
            <a:spLocks noChangeAspect="1"/>
          </p:cNvSpPr>
          <p:nvPr/>
        </p:nvSpPr>
        <p:spPr>
          <a:xfrm>
            <a:off x="9097236" y="2348544"/>
            <a:ext cx="90565" cy="90565"/>
          </a:xfrm>
          <a:prstGeom prst="ellipse">
            <a:avLst/>
          </a:prstGeom>
          <a:solidFill>
            <a:schemeClr val="accent2"/>
          </a:solidFill>
          <a:ln w="25400" cap="flat" cmpd="sng" algn="ctr">
            <a:solidFill>
              <a:srgbClr val="64B2D4"/>
            </a:solidFill>
            <a:prstDash val="solid"/>
          </a:ln>
          <a:effectLst/>
        </p:spPr>
        <p:txBody>
          <a:bodyPr rtlCol="0" anchor="ctr"/>
          <a:lstStyle/>
          <a:p>
            <a:pPr marL="0" marR="0" lvl="0" indent="0" algn="ctr" defTabSz="1219170" rtl="0" eaLnBrk="1" fontAlgn="auto" latinLnBrk="0" hangingPunct="1">
              <a:lnSpc>
                <a:spcPct val="100000"/>
              </a:lnSpc>
              <a:spcBef>
                <a:spcPts val="60"/>
              </a:spcBef>
              <a:spcAft>
                <a:spcPts val="600"/>
              </a:spcAft>
              <a:buClrTx/>
              <a:buSzTx/>
              <a:buFontTx/>
              <a:buNone/>
              <a:tabLst/>
              <a:defRPr/>
            </a:pPr>
            <a:endParaRPr kumimoji="0" lang="da-DK" sz="1800" b="0" i="0" u="none" strike="noStrike" kern="0" cap="none" spc="0" normalizeH="0" baseline="0" noProof="0">
              <a:ln>
                <a:noFill/>
              </a:ln>
              <a:solidFill>
                <a:srgbClr val="FFFFFF"/>
              </a:solidFill>
              <a:effectLst/>
              <a:uLnTx/>
              <a:uFillTx/>
              <a:latin typeface="Maersk Text Light" panose="00000400000000000000" pitchFamily="50" charset="0"/>
              <a:ea typeface="+mn-ea"/>
              <a:cs typeface="+mn-cs"/>
            </a:endParaRPr>
          </a:p>
        </p:txBody>
      </p:sp>
      <p:sp>
        <p:nvSpPr>
          <p:cNvPr id="256" name="Ellipse 12">
            <a:extLst>
              <a:ext uri="{FF2B5EF4-FFF2-40B4-BE49-F238E27FC236}">
                <a16:creationId xmlns:a16="http://schemas.microsoft.com/office/drawing/2014/main" id="{28F851BD-3603-483C-A3DC-1B07A24F43E5}"/>
              </a:ext>
            </a:extLst>
          </p:cNvPr>
          <p:cNvSpPr>
            <a:spLocks noChangeAspect="1"/>
          </p:cNvSpPr>
          <p:nvPr/>
        </p:nvSpPr>
        <p:spPr>
          <a:xfrm>
            <a:off x="9097236" y="4556227"/>
            <a:ext cx="90565" cy="90565"/>
          </a:xfrm>
          <a:prstGeom prst="ellipse">
            <a:avLst/>
          </a:prstGeom>
          <a:solidFill>
            <a:schemeClr val="accent2"/>
          </a:solidFill>
          <a:ln w="25400" cap="flat" cmpd="sng" algn="ctr">
            <a:solidFill>
              <a:srgbClr val="64B2D4"/>
            </a:solidFill>
            <a:prstDash val="solid"/>
          </a:ln>
          <a:effectLst/>
        </p:spPr>
        <p:txBody>
          <a:bodyPr rtlCol="0" anchor="ctr"/>
          <a:lstStyle/>
          <a:p>
            <a:pPr marL="0" marR="0" lvl="0" indent="0" algn="ctr" defTabSz="1219170" rtl="0" eaLnBrk="1" fontAlgn="auto" latinLnBrk="0" hangingPunct="1">
              <a:lnSpc>
                <a:spcPct val="100000"/>
              </a:lnSpc>
              <a:spcBef>
                <a:spcPts val="60"/>
              </a:spcBef>
              <a:spcAft>
                <a:spcPts val="600"/>
              </a:spcAft>
              <a:buClrTx/>
              <a:buSzTx/>
              <a:buFontTx/>
              <a:buNone/>
              <a:tabLst/>
              <a:defRPr/>
            </a:pPr>
            <a:endParaRPr kumimoji="0" lang="da-DK" sz="1800" b="0" i="0" u="none" strike="noStrike" kern="0" cap="none" spc="0" normalizeH="0" baseline="0" noProof="0">
              <a:ln>
                <a:noFill/>
              </a:ln>
              <a:solidFill>
                <a:srgbClr val="FFFFFF"/>
              </a:solidFill>
              <a:effectLst/>
              <a:uLnTx/>
              <a:uFillTx/>
              <a:latin typeface="Maersk Text Light" panose="00000400000000000000" pitchFamily="50" charset="0"/>
              <a:ea typeface="+mn-ea"/>
              <a:cs typeface="+mn-cs"/>
            </a:endParaRPr>
          </a:p>
        </p:txBody>
      </p:sp>
      <p:sp>
        <p:nvSpPr>
          <p:cNvPr id="257" name="Ellipse 13">
            <a:extLst>
              <a:ext uri="{FF2B5EF4-FFF2-40B4-BE49-F238E27FC236}">
                <a16:creationId xmlns:a16="http://schemas.microsoft.com/office/drawing/2014/main" id="{B0153313-46BB-4708-80FC-677FCD52F458}"/>
              </a:ext>
            </a:extLst>
          </p:cNvPr>
          <p:cNvSpPr>
            <a:spLocks noChangeAspect="1"/>
          </p:cNvSpPr>
          <p:nvPr/>
        </p:nvSpPr>
        <p:spPr>
          <a:xfrm>
            <a:off x="10232844" y="3452385"/>
            <a:ext cx="90565" cy="90565"/>
          </a:xfrm>
          <a:prstGeom prst="ellipse">
            <a:avLst/>
          </a:prstGeom>
          <a:solidFill>
            <a:schemeClr val="accent2"/>
          </a:solidFill>
          <a:ln w="25400" cap="flat" cmpd="sng" algn="ctr">
            <a:solidFill>
              <a:srgbClr val="64B2D4"/>
            </a:solidFill>
            <a:prstDash val="solid"/>
          </a:ln>
          <a:effectLst/>
        </p:spPr>
        <p:txBody>
          <a:bodyPr rtlCol="0" anchor="ctr"/>
          <a:lstStyle/>
          <a:p>
            <a:pPr marL="0" marR="0" lvl="0" indent="0" algn="ctr" defTabSz="1219170" rtl="0" eaLnBrk="1" fontAlgn="auto" latinLnBrk="0" hangingPunct="1">
              <a:lnSpc>
                <a:spcPct val="100000"/>
              </a:lnSpc>
              <a:spcBef>
                <a:spcPts val="60"/>
              </a:spcBef>
              <a:spcAft>
                <a:spcPts val="600"/>
              </a:spcAft>
              <a:buClrTx/>
              <a:buSzTx/>
              <a:buFontTx/>
              <a:buNone/>
              <a:tabLst/>
              <a:defRPr/>
            </a:pPr>
            <a:endParaRPr kumimoji="0" lang="da-DK" sz="1800" b="0" i="0" u="none" strike="noStrike" kern="0" cap="none" spc="0" normalizeH="0" baseline="0" noProof="0">
              <a:ln>
                <a:noFill/>
              </a:ln>
              <a:solidFill>
                <a:srgbClr val="FFFFFF"/>
              </a:solidFill>
              <a:effectLst/>
              <a:uLnTx/>
              <a:uFillTx/>
              <a:latin typeface="Maersk Text Light" panose="00000400000000000000" pitchFamily="50" charset="0"/>
              <a:ea typeface="+mn-ea"/>
              <a:cs typeface="+mn-cs"/>
            </a:endParaRPr>
          </a:p>
        </p:txBody>
      </p:sp>
      <p:sp>
        <p:nvSpPr>
          <p:cNvPr id="258" name="Ellipse 14">
            <a:extLst>
              <a:ext uri="{FF2B5EF4-FFF2-40B4-BE49-F238E27FC236}">
                <a16:creationId xmlns:a16="http://schemas.microsoft.com/office/drawing/2014/main" id="{3C71D7D9-EC1B-4A52-926C-89E039EF6D84}"/>
              </a:ext>
            </a:extLst>
          </p:cNvPr>
          <p:cNvSpPr>
            <a:spLocks noChangeAspect="1"/>
          </p:cNvSpPr>
          <p:nvPr/>
        </p:nvSpPr>
        <p:spPr>
          <a:xfrm>
            <a:off x="8025161" y="3452385"/>
            <a:ext cx="90565" cy="90565"/>
          </a:xfrm>
          <a:prstGeom prst="ellipse">
            <a:avLst/>
          </a:prstGeom>
          <a:solidFill>
            <a:schemeClr val="accent2"/>
          </a:solidFill>
          <a:ln w="25400" cap="flat" cmpd="sng" algn="ctr">
            <a:solidFill>
              <a:srgbClr val="64B2D4"/>
            </a:solidFill>
            <a:prstDash val="solid"/>
          </a:ln>
          <a:effectLst/>
        </p:spPr>
        <p:txBody>
          <a:bodyPr rtlCol="0" anchor="ctr"/>
          <a:lstStyle/>
          <a:p>
            <a:pPr marL="0" marR="0" lvl="0" indent="0" algn="ctr" defTabSz="1219170" rtl="0" eaLnBrk="1" fontAlgn="auto" latinLnBrk="0" hangingPunct="1">
              <a:lnSpc>
                <a:spcPct val="100000"/>
              </a:lnSpc>
              <a:spcBef>
                <a:spcPts val="60"/>
              </a:spcBef>
              <a:spcAft>
                <a:spcPts val="600"/>
              </a:spcAft>
              <a:buClrTx/>
              <a:buSzTx/>
              <a:buFontTx/>
              <a:buNone/>
              <a:tabLst/>
              <a:defRPr/>
            </a:pPr>
            <a:endParaRPr kumimoji="0" lang="da-DK" sz="1800" b="0" i="0" u="none" strike="noStrike" kern="0" cap="none" spc="0" normalizeH="0" baseline="0" noProof="0">
              <a:ln>
                <a:noFill/>
              </a:ln>
              <a:solidFill>
                <a:srgbClr val="FFFFFF"/>
              </a:solidFill>
              <a:effectLst/>
              <a:uLnTx/>
              <a:uFillTx/>
              <a:latin typeface="Maersk Text Light" panose="00000400000000000000" pitchFamily="50" charset="0"/>
              <a:ea typeface="+mn-ea"/>
              <a:cs typeface="+mn-cs"/>
            </a:endParaRPr>
          </a:p>
        </p:txBody>
      </p:sp>
      <p:sp>
        <p:nvSpPr>
          <p:cNvPr id="259" name="Ellipse 16">
            <a:extLst>
              <a:ext uri="{FF2B5EF4-FFF2-40B4-BE49-F238E27FC236}">
                <a16:creationId xmlns:a16="http://schemas.microsoft.com/office/drawing/2014/main" id="{129CCFFB-CCA0-4516-A810-A349CB40D1B4}"/>
              </a:ext>
            </a:extLst>
          </p:cNvPr>
          <p:cNvSpPr>
            <a:spLocks noChangeAspect="1"/>
          </p:cNvSpPr>
          <p:nvPr/>
        </p:nvSpPr>
        <p:spPr>
          <a:xfrm>
            <a:off x="6909476" y="1236225"/>
            <a:ext cx="4528250" cy="4528249"/>
          </a:xfrm>
          <a:prstGeom prst="ellipse">
            <a:avLst/>
          </a:prstGeom>
          <a:noFill/>
          <a:ln w="19050" cap="flat" cmpd="sng" algn="ctr">
            <a:solidFill>
              <a:schemeClr val="accent4">
                <a:lumMod val="75000"/>
                <a:lumOff val="25000"/>
              </a:schemeClr>
            </a:solidFill>
            <a:prstDash val="solid"/>
            <a:round/>
            <a:headEnd type="none" w="med" len="med"/>
            <a:tailEnd type="none" w="med" len="med"/>
          </a:ln>
          <a:effectLst/>
        </p:spPr>
        <p:txBody>
          <a:bodyPr rtlCol="0" anchor="ctr"/>
          <a:lstStyle/>
          <a:p>
            <a:pPr marL="0" marR="0" lvl="0" indent="0" algn="ctr" defTabSz="1219170" rtl="0" eaLnBrk="1" fontAlgn="auto" latinLnBrk="0" hangingPunct="1">
              <a:lnSpc>
                <a:spcPct val="100000"/>
              </a:lnSpc>
              <a:spcBef>
                <a:spcPts val="60"/>
              </a:spcBef>
              <a:spcAft>
                <a:spcPts val="600"/>
              </a:spcAft>
              <a:buClrTx/>
              <a:buSzTx/>
              <a:buFontTx/>
              <a:buNone/>
              <a:tabLst/>
              <a:defRPr/>
            </a:pPr>
            <a:endParaRPr kumimoji="0" lang="da-DK" sz="1800" b="0" i="0" u="none" strike="noStrike" kern="0" cap="none" spc="0" normalizeH="0" baseline="0" noProof="0">
              <a:ln>
                <a:noFill/>
              </a:ln>
              <a:solidFill>
                <a:srgbClr val="FFFFFF"/>
              </a:solidFill>
              <a:effectLst/>
              <a:uLnTx/>
              <a:uFillTx/>
              <a:latin typeface="Maersk Text Light" panose="00000400000000000000" pitchFamily="50" charset="0"/>
              <a:ea typeface="+mn-ea"/>
              <a:cs typeface="+mn-cs"/>
            </a:endParaRPr>
          </a:p>
        </p:txBody>
      </p:sp>
      <p:sp>
        <p:nvSpPr>
          <p:cNvPr id="260" name="Bue 17">
            <a:extLst>
              <a:ext uri="{FF2B5EF4-FFF2-40B4-BE49-F238E27FC236}">
                <a16:creationId xmlns:a16="http://schemas.microsoft.com/office/drawing/2014/main" id="{2348418B-37AD-4196-B937-91D9B773E10E}"/>
              </a:ext>
            </a:extLst>
          </p:cNvPr>
          <p:cNvSpPr>
            <a:spLocks noChangeAspect="1"/>
          </p:cNvSpPr>
          <p:nvPr/>
        </p:nvSpPr>
        <p:spPr>
          <a:xfrm>
            <a:off x="7484844" y="1839993"/>
            <a:ext cx="3320716" cy="3320716"/>
          </a:xfrm>
          <a:prstGeom prst="arc">
            <a:avLst>
              <a:gd name="adj1" fmla="val 16200000"/>
              <a:gd name="adj2" fmla="val 5460308"/>
            </a:avLst>
          </a:prstGeom>
          <a:noFill/>
          <a:ln w="19050" cap="flat" cmpd="sng" algn="ctr">
            <a:solidFill>
              <a:schemeClr val="tx2">
                <a:lumMod val="50000"/>
                <a:alpha val="50000"/>
              </a:schemeClr>
            </a:solidFill>
            <a:prstDash val="solid"/>
            <a:round/>
            <a:headEnd type="none" w="med" len="med"/>
            <a:tailEnd type="none" w="med" len="med"/>
          </a:ln>
          <a:effectLst/>
        </p:spPr>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da-DK"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261" name="Bue 18">
            <a:extLst>
              <a:ext uri="{FF2B5EF4-FFF2-40B4-BE49-F238E27FC236}">
                <a16:creationId xmlns:a16="http://schemas.microsoft.com/office/drawing/2014/main" id="{4241C10A-ADAA-4508-A0AC-A5C9594877F6}"/>
              </a:ext>
            </a:extLst>
          </p:cNvPr>
          <p:cNvSpPr>
            <a:spLocks noChangeAspect="1"/>
          </p:cNvSpPr>
          <p:nvPr/>
        </p:nvSpPr>
        <p:spPr>
          <a:xfrm flipH="1">
            <a:off x="7555843" y="1839993"/>
            <a:ext cx="3169942" cy="3320716"/>
          </a:xfrm>
          <a:prstGeom prst="arc">
            <a:avLst>
              <a:gd name="adj1" fmla="val 16200000"/>
              <a:gd name="adj2" fmla="val 5460308"/>
            </a:avLst>
          </a:prstGeom>
          <a:noFill/>
          <a:ln w="12700" cap="flat" cmpd="sng" algn="ctr">
            <a:solidFill>
              <a:schemeClr val="bg2"/>
            </a:solidFill>
            <a:prstDash val="solid"/>
            <a:round/>
            <a:headEnd type="none" w="med" len="med"/>
            <a:tailEnd type="none" w="med" len="med"/>
          </a:ln>
          <a:effectLst/>
        </p:spPr>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da-DK"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262" name="Ellipse 19">
            <a:extLst>
              <a:ext uri="{FF2B5EF4-FFF2-40B4-BE49-F238E27FC236}">
                <a16:creationId xmlns:a16="http://schemas.microsoft.com/office/drawing/2014/main" id="{C6B91203-28C1-483C-A0B8-05E7EC3D595D}"/>
              </a:ext>
            </a:extLst>
          </p:cNvPr>
          <p:cNvSpPr>
            <a:spLocks noChangeAspect="1"/>
          </p:cNvSpPr>
          <p:nvPr/>
        </p:nvSpPr>
        <p:spPr>
          <a:xfrm>
            <a:off x="10280810" y="2276076"/>
            <a:ext cx="90565" cy="90565"/>
          </a:xfrm>
          <a:prstGeom prst="ellipse">
            <a:avLst/>
          </a:prstGeom>
          <a:solidFill>
            <a:schemeClr val="tx2"/>
          </a:solidFill>
          <a:ln w="25400" cap="flat" cmpd="sng" algn="ctr">
            <a:noFill/>
            <a:prstDash val="solid"/>
          </a:ln>
          <a:effectLst/>
        </p:spPr>
        <p:txBody>
          <a:bodyPr rtlCol="0" anchor="ctr"/>
          <a:lstStyle/>
          <a:p>
            <a:pPr marL="0" marR="0" lvl="0" indent="0" algn="ctr" defTabSz="1219170" rtl="0" eaLnBrk="1" fontAlgn="auto" latinLnBrk="0" hangingPunct="1">
              <a:lnSpc>
                <a:spcPct val="100000"/>
              </a:lnSpc>
              <a:spcBef>
                <a:spcPts val="60"/>
              </a:spcBef>
              <a:spcAft>
                <a:spcPts val="600"/>
              </a:spcAft>
              <a:buClrTx/>
              <a:buSzTx/>
              <a:buFontTx/>
              <a:buNone/>
              <a:tabLst/>
              <a:defRPr/>
            </a:pPr>
            <a:endParaRPr kumimoji="0" lang="da-DK" sz="1800" b="0" i="0" u="none" strike="noStrike" kern="0" cap="none" spc="0" normalizeH="0" baseline="0" noProof="0">
              <a:ln>
                <a:noFill/>
              </a:ln>
              <a:solidFill>
                <a:srgbClr val="FFFFFF"/>
              </a:solidFill>
              <a:effectLst/>
              <a:uLnTx/>
              <a:uFillTx/>
              <a:latin typeface="Maersk Text Light" panose="00000400000000000000" pitchFamily="50" charset="0"/>
              <a:ea typeface="+mn-ea"/>
              <a:cs typeface="+mn-cs"/>
            </a:endParaRPr>
          </a:p>
        </p:txBody>
      </p:sp>
      <p:sp>
        <p:nvSpPr>
          <p:cNvPr id="263" name="Ellipse 20">
            <a:extLst>
              <a:ext uri="{FF2B5EF4-FFF2-40B4-BE49-F238E27FC236}">
                <a16:creationId xmlns:a16="http://schemas.microsoft.com/office/drawing/2014/main" id="{3A661C42-73C7-4761-84F4-832AD07E66CB}"/>
              </a:ext>
            </a:extLst>
          </p:cNvPr>
          <p:cNvSpPr>
            <a:spLocks noChangeAspect="1"/>
          </p:cNvSpPr>
          <p:nvPr/>
        </p:nvSpPr>
        <p:spPr>
          <a:xfrm>
            <a:off x="10765603" y="3452385"/>
            <a:ext cx="90565" cy="90565"/>
          </a:xfrm>
          <a:prstGeom prst="ellipse">
            <a:avLst/>
          </a:prstGeom>
          <a:solidFill>
            <a:schemeClr val="tx2"/>
          </a:solidFill>
          <a:ln w="25400" cap="flat" cmpd="sng" algn="ctr">
            <a:noFill/>
            <a:prstDash val="solid"/>
          </a:ln>
          <a:effectLst/>
        </p:spPr>
        <p:txBody>
          <a:bodyPr rtlCol="0" anchor="ctr"/>
          <a:lstStyle/>
          <a:p>
            <a:pPr marL="0" marR="0" lvl="0" indent="0" algn="ctr" defTabSz="1219170" rtl="0" eaLnBrk="1" fontAlgn="auto" latinLnBrk="0" hangingPunct="1">
              <a:lnSpc>
                <a:spcPct val="100000"/>
              </a:lnSpc>
              <a:spcBef>
                <a:spcPts val="60"/>
              </a:spcBef>
              <a:spcAft>
                <a:spcPts val="600"/>
              </a:spcAft>
              <a:buClrTx/>
              <a:buSzTx/>
              <a:buFontTx/>
              <a:buNone/>
              <a:tabLst/>
              <a:defRPr/>
            </a:pPr>
            <a:endParaRPr kumimoji="0" lang="da-DK" sz="1800" b="0" i="0" u="none" strike="noStrike" kern="0" cap="none" spc="0" normalizeH="0" baseline="0" noProof="0">
              <a:ln>
                <a:noFill/>
              </a:ln>
              <a:solidFill>
                <a:srgbClr val="FFFFFF"/>
              </a:solidFill>
              <a:effectLst/>
              <a:uLnTx/>
              <a:uFillTx/>
              <a:latin typeface="Maersk Text Light" panose="00000400000000000000" pitchFamily="50" charset="0"/>
              <a:ea typeface="+mn-ea"/>
              <a:cs typeface="+mn-cs"/>
            </a:endParaRPr>
          </a:p>
        </p:txBody>
      </p:sp>
      <p:sp>
        <p:nvSpPr>
          <p:cNvPr id="264" name="Ellipse 22">
            <a:extLst>
              <a:ext uri="{FF2B5EF4-FFF2-40B4-BE49-F238E27FC236}">
                <a16:creationId xmlns:a16="http://schemas.microsoft.com/office/drawing/2014/main" id="{118E1D5D-4F5F-4720-8B2F-472BD83C680F}"/>
              </a:ext>
            </a:extLst>
          </p:cNvPr>
          <p:cNvSpPr>
            <a:spLocks noChangeAspect="1"/>
          </p:cNvSpPr>
          <p:nvPr/>
        </p:nvSpPr>
        <p:spPr>
          <a:xfrm>
            <a:off x="9097236" y="1794711"/>
            <a:ext cx="90565" cy="90565"/>
          </a:xfrm>
          <a:prstGeom prst="ellipse">
            <a:avLst/>
          </a:prstGeom>
          <a:solidFill>
            <a:schemeClr val="bg2"/>
          </a:solidFill>
          <a:ln w="25400" cap="flat" cmpd="sng" algn="ctr">
            <a:noFill/>
            <a:prstDash val="solid"/>
          </a:ln>
          <a:effectLst/>
        </p:spPr>
        <p:txBody>
          <a:bodyPr rtlCol="0" anchor="ctr"/>
          <a:lstStyle/>
          <a:p>
            <a:pPr marL="0" marR="0" lvl="0" indent="0" algn="ctr" defTabSz="1219170" rtl="0" eaLnBrk="1" fontAlgn="auto" latinLnBrk="0" hangingPunct="1">
              <a:lnSpc>
                <a:spcPct val="100000"/>
              </a:lnSpc>
              <a:spcBef>
                <a:spcPts val="60"/>
              </a:spcBef>
              <a:spcAft>
                <a:spcPts val="600"/>
              </a:spcAft>
              <a:buClrTx/>
              <a:buSzTx/>
              <a:buFontTx/>
              <a:buNone/>
              <a:tabLst/>
              <a:defRPr/>
            </a:pPr>
            <a:endParaRPr kumimoji="0" lang="da-DK" sz="1800" b="0" i="0" u="none" strike="noStrike" kern="0" cap="none" spc="0" normalizeH="0" baseline="0" noProof="0">
              <a:ln>
                <a:noFill/>
              </a:ln>
              <a:solidFill>
                <a:srgbClr val="FFFFFF"/>
              </a:solidFill>
              <a:effectLst/>
              <a:uLnTx/>
              <a:uFillTx/>
              <a:latin typeface="Maersk Text Light" panose="00000400000000000000" pitchFamily="50" charset="0"/>
              <a:ea typeface="+mn-ea"/>
              <a:cs typeface="+mn-cs"/>
            </a:endParaRPr>
          </a:p>
        </p:txBody>
      </p:sp>
      <p:sp>
        <p:nvSpPr>
          <p:cNvPr id="265" name="Ellipse 23">
            <a:extLst>
              <a:ext uri="{FF2B5EF4-FFF2-40B4-BE49-F238E27FC236}">
                <a16:creationId xmlns:a16="http://schemas.microsoft.com/office/drawing/2014/main" id="{DC6789FA-C9F7-46F3-AE02-106DB75973EE}"/>
              </a:ext>
            </a:extLst>
          </p:cNvPr>
          <p:cNvSpPr>
            <a:spLocks noChangeAspect="1"/>
          </p:cNvSpPr>
          <p:nvPr/>
        </p:nvSpPr>
        <p:spPr>
          <a:xfrm>
            <a:off x="8207895" y="2072710"/>
            <a:ext cx="90565" cy="90565"/>
          </a:xfrm>
          <a:prstGeom prst="ellipse">
            <a:avLst/>
          </a:prstGeom>
          <a:solidFill>
            <a:schemeClr val="bg2"/>
          </a:solidFill>
          <a:ln w="25400" cap="flat" cmpd="sng" algn="ctr">
            <a:noFill/>
            <a:prstDash val="solid"/>
          </a:ln>
          <a:effectLst/>
        </p:spPr>
        <p:txBody>
          <a:bodyPr rtlCol="0" anchor="ctr"/>
          <a:lstStyle/>
          <a:p>
            <a:pPr marL="0" marR="0" lvl="0" indent="0" algn="ctr" defTabSz="1219170" rtl="0" eaLnBrk="1" fontAlgn="auto" latinLnBrk="0" hangingPunct="1">
              <a:lnSpc>
                <a:spcPct val="100000"/>
              </a:lnSpc>
              <a:spcBef>
                <a:spcPts val="60"/>
              </a:spcBef>
              <a:spcAft>
                <a:spcPts val="600"/>
              </a:spcAft>
              <a:buClrTx/>
              <a:buSzTx/>
              <a:buFontTx/>
              <a:buNone/>
              <a:tabLst/>
              <a:defRPr/>
            </a:pPr>
            <a:endParaRPr kumimoji="0" lang="da-DK" sz="1800" b="0" i="0" u="none" strike="noStrike" kern="0" cap="none" spc="0" normalizeH="0" baseline="0" noProof="0">
              <a:ln>
                <a:noFill/>
              </a:ln>
              <a:solidFill>
                <a:srgbClr val="FFFFFF"/>
              </a:solidFill>
              <a:effectLst/>
              <a:uLnTx/>
              <a:uFillTx/>
              <a:latin typeface="Maersk Text Light" panose="00000400000000000000" pitchFamily="50" charset="0"/>
              <a:ea typeface="+mn-ea"/>
              <a:cs typeface="+mn-cs"/>
            </a:endParaRPr>
          </a:p>
        </p:txBody>
      </p:sp>
      <p:sp>
        <p:nvSpPr>
          <p:cNvPr id="266" name="Ellipse 24">
            <a:extLst>
              <a:ext uri="{FF2B5EF4-FFF2-40B4-BE49-F238E27FC236}">
                <a16:creationId xmlns:a16="http://schemas.microsoft.com/office/drawing/2014/main" id="{620B6552-AD40-4ADB-8282-FA08881D3C34}"/>
              </a:ext>
            </a:extLst>
          </p:cNvPr>
          <p:cNvSpPr>
            <a:spLocks noChangeAspect="1"/>
          </p:cNvSpPr>
          <p:nvPr/>
        </p:nvSpPr>
        <p:spPr>
          <a:xfrm>
            <a:off x="10296785" y="4604191"/>
            <a:ext cx="90565" cy="90565"/>
          </a:xfrm>
          <a:prstGeom prst="ellipse">
            <a:avLst/>
          </a:prstGeom>
          <a:solidFill>
            <a:schemeClr val="tx2"/>
          </a:solidFill>
          <a:ln w="25400" cap="flat" cmpd="sng" algn="ctr">
            <a:noFill/>
            <a:prstDash val="solid"/>
          </a:ln>
          <a:effectLst/>
        </p:spPr>
        <p:txBody>
          <a:bodyPr rtlCol="0" anchor="ctr"/>
          <a:lstStyle/>
          <a:p>
            <a:pPr marL="0" marR="0" lvl="0" indent="0" algn="ctr" defTabSz="1219170" rtl="0" eaLnBrk="1" fontAlgn="auto" latinLnBrk="0" hangingPunct="1">
              <a:lnSpc>
                <a:spcPct val="100000"/>
              </a:lnSpc>
              <a:spcBef>
                <a:spcPts val="60"/>
              </a:spcBef>
              <a:spcAft>
                <a:spcPts val="600"/>
              </a:spcAft>
              <a:buClrTx/>
              <a:buSzTx/>
              <a:buFontTx/>
              <a:buNone/>
              <a:tabLst/>
              <a:defRPr/>
            </a:pPr>
            <a:endParaRPr kumimoji="0" lang="da-DK" sz="1800" b="0" i="0" u="none" strike="noStrike" kern="0" cap="none" spc="0" normalizeH="0" baseline="0" noProof="0">
              <a:ln>
                <a:noFill/>
              </a:ln>
              <a:solidFill>
                <a:srgbClr val="FFFFFF"/>
              </a:solidFill>
              <a:effectLst/>
              <a:uLnTx/>
              <a:uFillTx/>
              <a:latin typeface="Maersk Text Light" panose="00000400000000000000" pitchFamily="50" charset="0"/>
              <a:ea typeface="+mn-ea"/>
              <a:cs typeface="+mn-cs"/>
            </a:endParaRPr>
          </a:p>
        </p:txBody>
      </p:sp>
      <p:sp>
        <p:nvSpPr>
          <p:cNvPr id="267" name="Ellipse 25">
            <a:extLst>
              <a:ext uri="{FF2B5EF4-FFF2-40B4-BE49-F238E27FC236}">
                <a16:creationId xmlns:a16="http://schemas.microsoft.com/office/drawing/2014/main" id="{8C9D5A16-3370-41EF-9783-4BCA55BEF954}"/>
              </a:ext>
            </a:extLst>
          </p:cNvPr>
          <p:cNvSpPr>
            <a:spLocks noChangeAspect="1"/>
          </p:cNvSpPr>
          <p:nvPr/>
        </p:nvSpPr>
        <p:spPr>
          <a:xfrm>
            <a:off x="9097236" y="5115427"/>
            <a:ext cx="90565" cy="90565"/>
          </a:xfrm>
          <a:prstGeom prst="ellipse">
            <a:avLst/>
          </a:prstGeom>
          <a:solidFill>
            <a:schemeClr val="bg2"/>
          </a:solidFill>
          <a:ln w="25400" cap="flat" cmpd="sng" algn="ctr">
            <a:noFill/>
            <a:prstDash val="solid"/>
          </a:ln>
          <a:effectLst/>
        </p:spPr>
        <p:txBody>
          <a:bodyPr rtlCol="0" anchor="ctr"/>
          <a:lstStyle/>
          <a:p>
            <a:pPr marL="0" marR="0" lvl="0" indent="0" algn="ctr" defTabSz="1219170" rtl="0" eaLnBrk="1" fontAlgn="auto" latinLnBrk="0" hangingPunct="1">
              <a:lnSpc>
                <a:spcPct val="100000"/>
              </a:lnSpc>
              <a:spcBef>
                <a:spcPts val="60"/>
              </a:spcBef>
              <a:spcAft>
                <a:spcPts val="600"/>
              </a:spcAft>
              <a:buClrTx/>
              <a:buSzTx/>
              <a:buFontTx/>
              <a:buNone/>
              <a:tabLst/>
              <a:defRPr/>
            </a:pPr>
            <a:endParaRPr kumimoji="0" lang="da-DK" sz="1800" b="0" i="0" u="none" strike="noStrike" kern="0" cap="none" spc="0" normalizeH="0" baseline="0" noProof="0">
              <a:ln>
                <a:noFill/>
              </a:ln>
              <a:solidFill>
                <a:srgbClr val="FFFFFF"/>
              </a:solidFill>
              <a:effectLst/>
              <a:uLnTx/>
              <a:uFillTx/>
              <a:latin typeface="Maersk Text Light" panose="00000400000000000000" pitchFamily="50" charset="0"/>
              <a:ea typeface="+mn-ea"/>
              <a:cs typeface="+mn-cs"/>
            </a:endParaRPr>
          </a:p>
        </p:txBody>
      </p:sp>
      <p:sp>
        <p:nvSpPr>
          <p:cNvPr id="268" name="Ellipse 26">
            <a:extLst>
              <a:ext uri="{FF2B5EF4-FFF2-40B4-BE49-F238E27FC236}">
                <a16:creationId xmlns:a16="http://schemas.microsoft.com/office/drawing/2014/main" id="{E34304C5-A93A-45B5-A8A6-3F0D05828293}"/>
              </a:ext>
            </a:extLst>
          </p:cNvPr>
          <p:cNvSpPr>
            <a:spLocks noChangeAspect="1"/>
          </p:cNvSpPr>
          <p:nvPr/>
        </p:nvSpPr>
        <p:spPr>
          <a:xfrm>
            <a:off x="8174511" y="4805030"/>
            <a:ext cx="90565" cy="90565"/>
          </a:xfrm>
          <a:prstGeom prst="ellipse">
            <a:avLst/>
          </a:prstGeom>
          <a:solidFill>
            <a:schemeClr val="bg2"/>
          </a:solidFill>
          <a:ln w="25400" cap="flat" cmpd="sng" algn="ctr">
            <a:noFill/>
            <a:prstDash val="solid"/>
          </a:ln>
          <a:effectLst/>
        </p:spPr>
        <p:txBody>
          <a:bodyPr rtlCol="0" anchor="ctr"/>
          <a:lstStyle/>
          <a:p>
            <a:pPr marL="0" marR="0" lvl="0" indent="0" algn="ctr" defTabSz="1219170" rtl="0" eaLnBrk="1" fontAlgn="auto" latinLnBrk="0" hangingPunct="1">
              <a:lnSpc>
                <a:spcPct val="100000"/>
              </a:lnSpc>
              <a:spcBef>
                <a:spcPts val="60"/>
              </a:spcBef>
              <a:spcAft>
                <a:spcPts val="600"/>
              </a:spcAft>
              <a:buClrTx/>
              <a:buSzTx/>
              <a:buFontTx/>
              <a:buNone/>
              <a:tabLst/>
              <a:defRPr/>
            </a:pPr>
            <a:endParaRPr kumimoji="0" lang="da-DK" sz="1800" b="0" i="0" u="none" strike="noStrike" kern="0" cap="none" spc="0" normalizeH="0" baseline="0" noProof="0">
              <a:ln>
                <a:noFill/>
              </a:ln>
              <a:solidFill>
                <a:srgbClr val="FFFFFF"/>
              </a:solidFill>
              <a:effectLst/>
              <a:uLnTx/>
              <a:uFillTx/>
              <a:latin typeface="Maersk Text Light" panose="00000400000000000000" pitchFamily="50" charset="0"/>
              <a:ea typeface="+mn-ea"/>
              <a:cs typeface="+mn-cs"/>
            </a:endParaRPr>
          </a:p>
        </p:txBody>
      </p:sp>
      <p:sp>
        <p:nvSpPr>
          <p:cNvPr id="269" name="Ellipse 27">
            <a:extLst>
              <a:ext uri="{FF2B5EF4-FFF2-40B4-BE49-F238E27FC236}">
                <a16:creationId xmlns:a16="http://schemas.microsoft.com/office/drawing/2014/main" id="{3C341C53-0C05-405E-AFC5-83C611315505}"/>
              </a:ext>
            </a:extLst>
          </p:cNvPr>
          <p:cNvSpPr>
            <a:spLocks noChangeAspect="1"/>
          </p:cNvSpPr>
          <p:nvPr/>
        </p:nvSpPr>
        <p:spPr>
          <a:xfrm>
            <a:off x="7565086" y="2996351"/>
            <a:ext cx="90565" cy="90565"/>
          </a:xfrm>
          <a:prstGeom prst="ellipse">
            <a:avLst/>
          </a:prstGeom>
          <a:solidFill>
            <a:schemeClr val="bg2"/>
          </a:solidFill>
          <a:ln w="25400" cap="flat" cmpd="sng" algn="ctr">
            <a:noFill/>
            <a:prstDash val="solid"/>
          </a:ln>
          <a:effectLst/>
        </p:spPr>
        <p:txBody>
          <a:bodyPr rtlCol="0" anchor="ctr"/>
          <a:lstStyle/>
          <a:p>
            <a:pPr marL="0" marR="0" lvl="0" indent="0" algn="ctr" defTabSz="1219170" rtl="0" eaLnBrk="1" fontAlgn="auto" latinLnBrk="0" hangingPunct="1">
              <a:lnSpc>
                <a:spcPct val="100000"/>
              </a:lnSpc>
              <a:spcBef>
                <a:spcPts val="60"/>
              </a:spcBef>
              <a:spcAft>
                <a:spcPts val="600"/>
              </a:spcAft>
              <a:buClrTx/>
              <a:buSzTx/>
              <a:buFontTx/>
              <a:buNone/>
              <a:tabLst/>
              <a:defRPr/>
            </a:pPr>
            <a:endParaRPr kumimoji="0" lang="da-DK" sz="1800" b="0" i="0" u="none" strike="noStrike" kern="0" cap="none" spc="0" normalizeH="0" baseline="0" noProof="0">
              <a:ln>
                <a:noFill/>
              </a:ln>
              <a:solidFill>
                <a:srgbClr val="FFFFFF"/>
              </a:solidFill>
              <a:effectLst/>
              <a:uLnTx/>
              <a:uFillTx/>
              <a:latin typeface="Maersk Text Light" panose="00000400000000000000" pitchFamily="50" charset="0"/>
              <a:ea typeface="+mn-ea"/>
              <a:cs typeface="+mn-cs"/>
            </a:endParaRPr>
          </a:p>
        </p:txBody>
      </p:sp>
      <p:sp>
        <p:nvSpPr>
          <p:cNvPr id="270" name="Ellipse 29">
            <a:extLst>
              <a:ext uri="{FF2B5EF4-FFF2-40B4-BE49-F238E27FC236}">
                <a16:creationId xmlns:a16="http://schemas.microsoft.com/office/drawing/2014/main" id="{77135E55-DCA5-44B3-B020-B75D47C4BB4D}"/>
              </a:ext>
            </a:extLst>
          </p:cNvPr>
          <p:cNvSpPr>
            <a:spLocks noChangeAspect="1"/>
          </p:cNvSpPr>
          <p:nvPr/>
        </p:nvSpPr>
        <p:spPr>
          <a:xfrm>
            <a:off x="9097236" y="1178909"/>
            <a:ext cx="90565" cy="90565"/>
          </a:xfrm>
          <a:prstGeom prst="ellipse">
            <a:avLst/>
          </a:prstGeom>
          <a:solidFill>
            <a:schemeClr val="accent4">
              <a:lumMod val="75000"/>
              <a:lumOff val="25000"/>
            </a:schemeClr>
          </a:solidFill>
          <a:ln w="25400" cap="flat" cmpd="sng" algn="ctr">
            <a:noFill/>
            <a:prstDash val="solid"/>
          </a:ln>
          <a:effectLst/>
        </p:spPr>
        <p:txBody>
          <a:bodyPr rtlCol="0" anchor="ctr"/>
          <a:lstStyle/>
          <a:p>
            <a:pPr marL="0" marR="0" lvl="0" indent="0" algn="ctr" defTabSz="1219170" rtl="0" eaLnBrk="1" fontAlgn="auto" latinLnBrk="0" hangingPunct="1">
              <a:lnSpc>
                <a:spcPct val="100000"/>
              </a:lnSpc>
              <a:spcBef>
                <a:spcPts val="60"/>
              </a:spcBef>
              <a:spcAft>
                <a:spcPts val="600"/>
              </a:spcAft>
              <a:buClrTx/>
              <a:buSzTx/>
              <a:buFontTx/>
              <a:buNone/>
              <a:tabLst/>
              <a:defRPr/>
            </a:pPr>
            <a:endParaRPr kumimoji="0" lang="da-DK" sz="1800" b="0" i="0" u="none" strike="noStrike" kern="0" cap="none" spc="0" normalizeH="0" baseline="0" noProof="0">
              <a:ln>
                <a:noFill/>
              </a:ln>
              <a:solidFill>
                <a:srgbClr val="FFFFFF"/>
              </a:solidFill>
              <a:effectLst/>
              <a:uLnTx/>
              <a:uFillTx/>
              <a:latin typeface="Maersk Text Light" panose="00000400000000000000" pitchFamily="50" charset="0"/>
              <a:ea typeface="+mn-ea"/>
              <a:cs typeface="+mn-cs"/>
            </a:endParaRPr>
          </a:p>
        </p:txBody>
      </p:sp>
      <p:sp>
        <p:nvSpPr>
          <p:cNvPr id="271" name="Titel 1">
            <a:extLst>
              <a:ext uri="{FF2B5EF4-FFF2-40B4-BE49-F238E27FC236}">
                <a16:creationId xmlns:a16="http://schemas.microsoft.com/office/drawing/2014/main" id="{553BD6F8-DAB0-4239-AC8B-9006D1252F8C}"/>
              </a:ext>
            </a:extLst>
          </p:cNvPr>
          <p:cNvSpPr txBox="1">
            <a:spLocks/>
          </p:cNvSpPr>
          <p:nvPr/>
        </p:nvSpPr>
        <p:spPr>
          <a:xfrm>
            <a:off x="8654247" y="1525079"/>
            <a:ext cx="966252" cy="215444"/>
          </a:xfrm>
          <a:prstGeom prst="rect">
            <a:avLst/>
          </a:prstGeom>
        </p:spPr>
        <p:txBody>
          <a:bodyPr wrap="square" lIns="0" tIns="0" rIns="0" bIns="0">
            <a:spAutoFit/>
          </a:bodyPr>
          <a:lstStyle/>
          <a:p>
            <a:pPr marL="0" marR="0" lvl="0" indent="0" algn="ctr" defTabSz="457200" rtl="0" eaLnBrk="1" fontAlgn="auto" latinLnBrk="0" hangingPunct="1">
              <a:lnSpc>
                <a:spcPct val="100000"/>
              </a:lnSpc>
              <a:spcBef>
                <a:spcPct val="0"/>
              </a:spcBef>
              <a:spcAft>
                <a:spcPts val="0"/>
              </a:spcAft>
              <a:buClrTx/>
              <a:buSzTx/>
              <a:buFontTx/>
              <a:buNone/>
              <a:tabLst/>
              <a:defRPr/>
            </a:pPr>
            <a:r>
              <a:rPr kumimoji="0" lang="da-DK" sz="700" b="0" i="0" u="none" strike="noStrike" kern="0" cap="none" spc="0" normalizeH="0" baseline="0" noProof="1">
                <a:ln>
                  <a:noFill/>
                </a:ln>
                <a:solidFill>
                  <a:srgbClr val="00243D"/>
                </a:solidFill>
                <a:effectLst/>
                <a:uLnTx/>
                <a:uFillTx/>
                <a:latin typeface="Maersk Text Light" panose="00000400000000000000" pitchFamily="50" charset="0"/>
                <a:ea typeface="+mn-ea"/>
                <a:cs typeface="Zetta Sans Light"/>
              </a:rPr>
              <a:t>Procurement &amp; contract management</a:t>
            </a:r>
          </a:p>
        </p:txBody>
      </p:sp>
      <p:sp>
        <p:nvSpPr>
          <p:cNvPr id="272" name="Titel 1">
            <a:extLst>
              <a:ext uri="{FF2B5EF4-FFF2-40B4-BE49-F238E27FC236}">
                <a16:creationId xmlns:a16="http://schemas.microsoft.com/office/drawing/2014/main" id="{0AC8CFCE-A9FC-49A9-82FF-B1B889FB5F2E}"/>
              </a:ext>
            </a:extLst>
          </p:cNvPr>
          <p:cNvSpPr txBox="1">
            <a:spLocks/>
          </p:cNvSpPr>
          <p:nvPr/>
        </p:nvSpPr>
        <p:spPr>
          <a:xfrm>
            <a:off x="10971427" y="5451077"/>
            <a:ext cx="848659" cy="107722"/>
          </a:xfrm>
          <a:prstGeom prst="rect">
            <a:avLst/>
          </a:prstGeom>
        </p:spPr>
        <p:txBody>
          <a:bodyPr wrap="square" lIns="0" tIns="0" rIns="0" bIns="0">
            <a:spAutoFit/>
          </a:bodyPr>
          <a:lstStyle/>
          <a:p>
            <a:pPr marL="0" marR="0" lvl="0" indent="0" algn="ctr" defTabSz="457200" rtl="0" eaLnBrk="1" fontAlgn="auto" latinLnBrk="0" hangingPunct="1">
              <a:lnSpc>
                <a:spcPct val="100000"/>
              </a:lnSpc>
              <a:spcBef>
                <a:spcPct val="0"/>
              </a:spcBef>
              <a:spcAft>
                <a:spcPts val="0"/>
              </a:spcAft>
              <a:buClrTx/>
              <a:buSzTx/>
              <a:buFontTx/>
              <a:buNone/>
              <a:tabLst/>
              <a:defRPr/>
            </a:pPr>
            <a:r>
              <a:rPr kumimoji="0" lang="da-DK" sz="700" b="0" i="0" u="none" strike="noStrike" kern="0" cap="none" spc="0" normalizeH="0" baseline="0" noProof="1">
                <a:ln>
                  <a:noFill/>
                </a:ln>
                <a:solidFill>
                  <a:srgbClr val="64B2D4"/>
                </a:solidFill>
                <a:effectLst/>
                <a:uLnTx/>
                <a:uFillTx/>
                <a:latin typeface="Maersk Text Light" panose="00000400000000000000" pitchFamily="50" charset="0"/>
                <a:ea typeface="+mn-ea"/>
                <a:cs typeface="Zetta Sans Light"/>
              </a:rPr>
              <a:t> </a:t>
            </a:r>
          </a:p>
        </p:txBody>
      </p:sp>
      <p:sp>
        <p:nvSpPr>
          <p:cNvPr id="273" name="Titel 1">
            <a:extLst>
              <a:ext uri="{FF2B5EF4-FFF2-40B4-BE49-F238E27FC236}">
                <a16:creationId xmlns:a16="http://schemas.microsoft.com/office/drawing/2014/main" id="{9B655C7B-8D9A-4215-B4D3-77DFB841882A}"/>
              </a:ext>
            </a:extLst>
          </p:cNvPr>
          <p:cNvSpPr txBox="1">
            <a:spLocks/>
          </p:cNvSpPr>
          <p:nvPr/>
        </p:nvSpPr>
        <p:spPr>
          <a:xfrm>
            <a:off x="8655098" y="5271036"/>
            <a:ext cx="980816" cy="215444"/>
          </a:xfrm>
          <a:prstGeom prst="rect">
            <a:avLst/>
          </a:prstGeom>
        </p:spPr>
        <p:txBody>
          <a:bodyPr wrap="square" lIns="0" tIns="0" rIns="0" bIns="0">
            <a:spAutoFit/>
          </a:bodyPr>
          <a:lstStyle/>
          <a:p>
            <a:pPr marL="0" marR="0" lvl="0" indent="0" algn="ctr" defTabSz="457200" rtl="0" eaLnBrk="1" fontAlgn="auto" latinLnBrk="0" hangingPunct="1">
              <a:lnSpc>
                <a:spcPct val="100000"/>
              </a:lnSpc>
              <a:spcBef>
                <a:spcPct val="0"/>
              </a:spcBef>
              <a:spcAft>
                <a:spcPts val="0"/>
              </a:spcAft>
              <a:buClrTx/>
              <a:buSzTx/>
              <a:buFontTx/>
              <a:buNone/>
              <a:tabLst/>
              <a:defRPr/>
            </a:pPr>
            <a:r>
              <a:rPr kumimoji="0" lang="da-DK" sz="700" b="0" i="0" u="none" strike="noStrike" kern="0" cap="none" spc="0" normalizeH="0" baseline="0" noProof="1">
                <a:ln>
                  <a:noFill/>
                </a:ln>
                <a:solidFill>
                  <a:srgbClr val="00243D"/>
                </a:solidFill>
                <a:effectLst/>
                <a:uLnTx/>
                <a:uFillTx/>
                <a:latin typeface="Maersk Text Light" panose="00000400000000000000" pitchFamily="50" charset="0"/>
                <a:ea typeface="+mn-ea"/>
                <a:cs typeface="Zetta Sans Light"/>
              </a:rPr>
              <a:t>Subject matter experts &amp; offshore crew</a:t>
            </a:r>
          </a:p>
        </p:txBody>
      </p:sp>
      <p:sp>
        <p:nvSpPr>
          <p:cNvPr id="274" name="Titel 1">
            <a:extLst>
              <a:ext uri="{FF2B5EF4-FFF2-40B4-BE49-F238E27FC236}">
                <a16:creationId xmlns:a16="http://schemas.microsoft.com/office/drawing/2014/main" id="{D8B88CD0-7B75-462A-AF42-D8289C85E971}"/>
              </a:ext>
            </a:extLst>
          </p:cNvPr>
          <p:cNvSpPr txBox="1">
            <a:spLocks/>
          </p:cNvSpPr>
          <p:nvPr/>
        </p:nvSpPr>
        <p:spPr>
          <a:xfrm>
            <a:off x="8720872" y="865271"/>
            <a:ext cx="848659" cy="246221"/>
          </a:xfrm>
          <a:prstGeom prst="rect">
            <a:avLst/>
          </a:prstGeom>
        </p:spPr>
        <p:txBody>
          <a:bodyPr wrap="square" lIns="0" tIns="0" rIns="0" bIns="0">
            <a:spAutoFit/>
          </a:bodyPr>
          <a:lstStyle/>
          <a:p>
            <a:pPr marL="0" marR="0" lvl="0" indent="0" algn="ctr" defTabSz="457200" rtl="0" eaLnBrk="1" fontAlgn="auto" latinLnBrk="0" hangingPunct="1">
              <a:lnSpc>
                <a:spcPct val="100000"/>
              </a:lnSpc>
              <a:spcBef>
                <a:spcPct val="0"/>
              </a:spcBef>
              <a:spcAft>
                <a:spcPts val="0"/>
              </a:spcAft>
              <a:buClrTx/>
              <a:buSzTx/>
              <a:buFontTx/>
              <a:buNone/>
              <a:tabLst/>
              <a:defRPr/>
            </a:pPr>
            <a:r>
              <a:rPr kumimoji="0" lang="da-DK" sz="800" b="0" i="0" u="none" strike="noStrike" kern="0" cap="none" spc="0" normalizeH="0" baseline="0" noProof="1">
                <a:ln>
                  <a:noFill/>
                </a:ln>
                <a:solidFill>
                  <a:srgbClr val="004D40">
                    <a:lumMod val="90000"/>
                    <a:lumOff val="10000"/>
                  </a:srgbClr>
                </a:solidFill>
                <a:effectLst/>
                <a:uLnTx/>
                <a:uFillTx/>
                <a:latin typeface="Maersk Text Light" panose="00000400000000000000" pitchFamily="50" charset="0"/>
                <a:ea typeface="+mn-ea"/>
                <a:cs typeface="Zetta Sans Light"/>
              </a:rPr>
              <a:t>Project management</a:t>
            </a:r>
          </a:p>
        </p:txBody>
      </p:sp>
      <p:sp>
        <p:nvSpPr>
          <p:cNvPr id="275" name="Titel 1">
            <a:extLst>
              <a:ext uri="{FF2B5EF4-FFF2-40B4-BE49-F238E27FC236}">
                <a16:creationId xmlns:a16="http://schemas.microsoft.com/office/drawing/2014/main" id="{33AB5DEC-F744-4002-B1C7-8E6B3E9596DC}"/>
              </a:ext>
            </a:extLst>
          </p:cNvPr>
          <p:cNvSpPr txBox="1">
            <a:spLocks/>
          </p:cNvSpPr>
          <p:nvPr/>
        </p:nvSpPr>
        <p:spPr>
          <a:xfrm>
            <a:off x="10856168" y="3395235"/>
            <a:ext cx="539589" cy="215444"/>
          </a:xfrm>
          <a:prstGeom prst="rect">
            <a:avLst/>
          </a:prstGeom>
        </p:spPr>
        <p:txBody>
          <a:bodyPr wrap="square" lIns="0" tIns="0" rIns="0" bIns="0">
            <a:spAutoFit/>
          </a:bodyPr>
          <a:lstStyle/>
          <a:p>
            <a:pPr marL="0" marR="0" lvl="0" indent="0" algn="ctr" defTabSz="457200" rtl="0" eaLnBrk="1" fontAlgn="auto" latinLnBrk="0" hangingPunct="1">
              <a:lnSpc>
                <a:spcPct val="100000"/>
              </a:lnSpc>
              <a:spcBef>
                <a:spcPct val="0"/>
              </a:spcBef>
              <a:spcAft>
                <a:spcPts val="0"/>
              </a:spcAft>
              <a:buClrTx/>
              <a:buSzTx/>
              <a:buFontTx/>
              <a:buNone/>
              <a:tabLst/>
              <a:defRPr/>
            </a:pPr>
            <a:r>
              <a:rPr kumimoji="0" lang="da-DK" sz="700" b="0" i="0" u="none" strike="noStrike" kern="0" cap="none" spc="0" normalizeH="0" baseline="0" noProof="1">
                <a:ln>
                  <a:noFill/>
                </a:ln>
                <a:solidFill>
                  <a:srgbClr val="545454"/>
                </a:solidFill>
                <a:effectLst/>
                <a:uLnTx/>
                <a:uFillTx/>
                <a:latin typeface="Maersk Text Light" panose="00000400000000000000" pitchFamily="50" charset="0"/>
                <a:ea typeface="+mn-ea"/>
                <a:cs typeface="Zetta Sans Light"/>
              </a:rPr>
              <a:t>Rock dumping</a:t>
            </a:r>
          </a:p>
        </p:txBody>
      </p:sp>
      <p:sp>
        <p:nvSpPr>
          <p:cNvPr id="276" name="Titel 1">
            <a:extLst>
              <a:ext uri="{FF2B5EF4-FFF2-40B4-BE49-F238E27FC236}">
                <a16:creationId xmlns:a16="http://schemas.microsoft.com/office/drawing/2014/main" id="{D38E7E76-6134-4413-A871-6CEBC44805F7}"/>
              </a:ext>
            </a:extLst>
          </p:cNvPr>
          <p:cNvSpPr txBox="1">
            <a:spLocks/>
          </p:cNvSpPr>
          <p:nvPr/>
        </p:nvSpPr>
        <p:spPr>
          <a:xfrm>
            <a:off x="10549609" y="2413086"/>
            <a:ext cx="647785" cy="215444"/>
          </a:xfrm>
          <a:prstGeom prst="rect">
            <a:avLst/>
          </a:prstGeom>
        </p:spPr>
        <p:txBody>
          <a:bodyPr wrap="square" lIns="0" tIns="0" rIns="0" bIns="0">
            <a:spAutoFit/>
          </a:bodyPr>
          <a:lstStyle/>
          <a:p>
            <a:pPr marL="0" marR="0" lvl="0" indent="0" algn="ctr" defTabSz="457200" rtl="0" eaLnBrk="1" fontAlgn="auto" latinLnBrk="0" hangingPunct="1">
              <a:lnSpc>
                <a:spcPct val="100000"/>
              </a:lnSpc>
              <a:spcBef>
                <a:spcPct val="0"/>
              </a:spcBef>
              <a:spcAft>
                <a:spcPts val="0"/>
              </a:spcAft>
              <a:buClrTx/>
              <a:buSzTx/>
              <a:buFontTx/>
              <a:buNone/>
              <a:tabLst/>
              <a:defRPr/>
            </a:pPr>
            <a:r>
              <a:rPr kumimoji="0" lang="da-DK" sz="700" b="0" i="0" u="none" strike="noStrike" kern="0" cap="none" spc="0" normalizeH="0" baseline="0" noProof="1">
                <a:ln>
                  <a:noFill/>
                </a:ln>
                <a:solidFill>
                  <a:srgbClr val="545454"/>
                </a:solidFill>
                <a:effectLst/>
                <a:uLnTx/>
                <a:uFillTx/>
                <a:latin typeface="Maersk Text Light" panose="00000400000000000000" pitchFamily="50" charset="0"/>
                <a:ea typeface="+mn-ea"/>
                <a:cs typeface="Zetta Sans Light"/>
              </a:rPr>
              <a:t>Well services </a:t>
            </a:r>
          </a:p>
          <a:p>
            <a:pPr marL="0" marR="0" lvl="0" indent="0" algn="ctr" defTabSz="457200" rtl="0" eaLnBrk="1" fontAlgn="auto" latinLnBrk="0" hangingPunct="1">
              <a:lnSpc>
                <a:spcPct val="100000"/>
              </a:lnSpc>
              <a:spcBef>
                <a:spcPct val="0"/>
              </a:spcBef>
              <a:spcAft>
                <a:spcPts val="0"/>
              </a:spcAft>
              <a:buClrTx/>
              <a:buSzTx/>
              <a:buFontTx/>
              <a:buNone/>
              <a:tabLst/>
              <a:defRPr/>
            </a:pPr>
            <a:r>
              <a:rPr kumimoji="0" lang="da-DK" sz="700" b="0" i="0" u="none" strike="noStrike" kern="0" cap="none" spc="0" normalizeH="0" baseline="0" noProof="1">
                <a:ln>
                  <a:noFill/>
                </a:ln>
                <a:solidFill>
                  <a:srgbClr val="545454"/>
                </a:solidFill>
                <a:effectLst/>
                <a:uLnTx/>
                <a:uFillTx/>
                <a:latin typeface="Maersk Text Light" panose="00000400000000000000" pitchFamily="50" charset="0"/>
                <a:ea typeface="+mn-ea"/>
                <a:cs typeface="Zetta Sans Light"/>
              </a:rPr>
              <a:t>&amp; special tools</a:t>
            </a:r>
          </a:p>
        </p:txBody>
      </p:sp>
      <p:sp>
        <p:nvSpPr>
          <p:cNvPr id="277" name="Titel 1">
            <a:extLst>
              <a:ext uri="{FF2B5EF4-FFF2-40B4-BE49-F238E27FC236}">
                <a16:creationId xmlns:a16="http://schemas.microsoft.com/office/drawing/2014/main" id="{B93CA8F8-0DAB-4CEF-BB3B-4BCA234180DC}"/>
              </a:ext>
            </a:extLst>
          </p:cNvPr>
          <p:cNvSpPr txBox="1">
            <a:spLocks/>
          </p:cNvSpPr>
          <p:nvPr/>
        </p:nvSpPr>
        <p:spPr>
          <a:xfrm>
            <a:off x="7692956" y="1899346"/>
            <a:ext cx="539589" cy="215444"/>
          </a:xfrm>
          <a:prstGeom prst="rect">
            <a:avLst/>
          </a:prstGeom>
        </p:spPr>
        <p:txBody>
          <a:bodyPr wrap="square" lIns="0" tIns="0" rIns="0" bIns="0">
            <a:spAutoFit/>
          </a:bodyPr>
          <a:lstStyle/>
          <a:p>
            <a:pPr marL="0" marR="0" lvl="0" indent="0" algn="ctr" defTabSz="457200" rtl="0" eaLnBrk="1" fontAlgn="auto" latinLnBrk="0" hangingPunct="1">
              <a:lnSpc>
                <a:spcPct val="100000"/>
              </a:lnSpc>
              <a:spcBef>
                <a:spcPct val="0"/>
              </a:spcBef>
              <a:spcAft>
                <a:spcPts val="0"/>
              </a:spcAft>
              <a:buClrTx/>
              <a:buSzTx/>
              <a:buFontTx/>
              <a:buNone/>
              <a:tabLst/>
              <a:defRPr/>
            </a:pPr>
            <a:r>
              <a:rPr kumimoji="0" lang="da-DK" sz="700" b="0" i="0" u="none" strike="noStrike" kern="0" cap="none" spc="0" normalizeH="0" baseline="0" noProof="1">
                <a:ln>
                  <a:noFill/>
                </a:ln>
                <a:solidFill>
                  <a:srgbClr val="00243D"/>
                </a:solidFill>
                <a:effectLst/>
                <a:uLnTx/>
                <a:uFillTx/>
                <a:latin typeface="Maersk Text Light" panose="00000400000000000000" pitchFamily="50" charset="0"/>
                <a:ea typeface="+mn-ea"/>
                <a:cs typeface="Zetta Sans Light"/>
              </a:rPr>
              <a:t>Engineering &amp; planning</a:t>
            </a:r>
          </a:p>
        </p:txBody>
      </p:sp>
      <p:sp>
        <p:nvSpPr>
          <p:cNvPr id="278" name="Titel 1">
            <a:extLst>
              <a:ext uri="{FF2B5EF4-FFF2-40B4-BE49-F238E27FC236}">
                <a16:creationId xmlns:a16="http://schemas.microsoft.com/office/drawing/2014/main" id="{1F2C00D3-2F62-4E27-A9DF-24A3314AA7E2}"/>
              </a:ext>
            </a:extLst>
          </p:cNvPr>
          <p:cNvSpPr txBox="1">
            <a:spLocks/>
          </p:cNvSpPr>
          <p:nvPr/>
        </p:nvSpPr>
        <p:spPr>
          <a:xfrm>
            <a:off x="9776827" y="5065588"/>
            <a:ext cx="772712" cy="215444"/>
          </a:xfrm>
          <a:prstGeom prst="rect">
            <a:avLst/>
          </a:prstGeom>
        </p:spPr>
        <p:txBody>
          <a:bodyPr wrap="square" lIns="0" tIns="0" rIns="0" bIns="0">
            <a:spAutoFit/>
          </a:bodyPr>
          <a:lstStyle/>
          <a:p>
            <a:pPr marL="0" marR="0" lvl="0" indent="0" algn="ctr" defTabSz="457200" rtl="0" eaLnBrk="1" fontAlgn="auto" latinLnBrk="0" hangingPunct="1">
              <a:lnSpc>
                <a:spcPct val="100000"/>
              </a:lnSpc>
              <a:spcBef>
                <a:spcPct val="0"/>
              </a:spcBef>
              <a:spcAft>
                <a:spcPts val="0"/>
              </a:spcAft>
              <a:buClrTx/>
              <a:buSzTx/>
              <a:buFontTx/>
              <a:buNone/>
              <a:tabLst/>
              <a:defRPr/>
            </a:pPr>
            <a:r>
              <a:rPr kumimoji="0" lang="da-DK" sz="700" b="0" i="0" u="none" strike="noStrike" kern="0" cap="none" spc="0" normalizeH="0" baseline="0" noProof="1">
                <a:ln>
                  <a:noFill/>
                </a:ln>
                <a:solidFill>
                  <a:srgbClr val="545454"/>
                </a:solidFill>
                <a:effectLst/>
                <a:uLnTx/>
                <a:uFillTx/>
                <a:latin typeface="Maersk Text Light" panose="00000400000000000000" pitchFamily="50" charset="0"/>
                <a:ea typeface="+mn-ea"/>
                <a:cs typeface="Zetta Sans Light"/>
              </a:rPr>
              <a:t>Recycling &amp; waste management</a:t>
            </a:r>
          </a:p>
        </p:txBody>
      </p:sp>
      <p:sp>
        <p:nvSpPr>
          <p:cNvPr id="279" name="Titel 1">
            <a:extLst>
              <a:ext uri="{FF2B5EF4-FFF2-40B4-BE49-F238E27FC236}">
                <a16:creationId xmlns:a16="http://schemas.microsoft.com/office/drawing/2014/main" id="{18620C13-4196-4167-A67A-4F34CAF92F7A}"/>
              </a:ext>
            </a:extLst>
          </p:cNvPr>
          <p:cNvSpPr txBox="1">
            <a:spLocks/>
          </p:cNvSpPr>
          <p:nvPr/>
        </p:nvSpPr>
        <p:spPr>
          <a:xfrm>
            <a:off x="6984034" y="2926877"/>
            <a:ext cx="539589" cy="215444"/>
          </a:xfrm>
          <a:prstGeom prst="rect">
            <a:avLst/>
          </a:prstGeom>
        </p:spPr>
        <p:txBody>
          <a:bodyPr wrap="square" lIns="0" tIns="0" rIns="0" bIns="0">
            <a:spAutoFit/>
          </a:bodyPr>
          <a:lstStyle/>
          <a:p>
            <a:pPr marL="0" marR="0" lvl="0" indent="0" algn="ctr" defTabSz="457200" rtl="0" eaLnBrk="1" fontAlgn="auto" latinLnBrk="0" hangingPunct="1">
              <a:lnSpc>
                <a:spcPct val="100000"/>
              </a:lnSpc>
              <a:spcBef>
                <a:spcPct val="0"/>
              </a:spcBef>
              <a:spcAft>
                <a:spcPts val="0"/>
              </a:spcAft>
              <a:buClrTx/>
              <a:buSzTx/>
              <a:buFontTx/>
              <a:buNone/>
              <a:tabLst/>
              <a:defRPr/>
            </a:pPr>
            <a:r>
              <a:rPr kumimoji="0" lang="da-DK" sz="700" b="0" i="0" u="none" strike="noStrike" kern="0" cap="none" spc="0" normalizeH="0" baseline="0" noProof="1">
                <a:ln>
                  <a:noFill/>
                </a:ln>
                <a:solidFill>
                  <a:srgbClr val="00243D"/>
                </a:solidFill>
                <a:effectLst/>
                <a:uLnTx/>
                <a:uFillTx/>
                <a:latin typeface="Maersk Text Light" panose="00000400000000000000" pitchFamily="50" charset="0"/>
                <a:ea typeface="+mn-ea"/>
                <a:cs typeface="Zetta Sans Light"/>
              </a:rPr>
              <a:t>Regulatory consultation</a:t>
            </a:r>
          </a:p>
        </p:txBody>
      </p:sp>
      <p:pic>
        <p:nvPicPr>
          <p:cNvPr id="280" name="Billede 11">
            <a:extLst>
              <a:ext uri="{FF2B5EF4-FFF2-40B4-BE49-F238E27FC236}">
                <a16:creationId xmlns:a16="http://schemas.microsoft.com/office/drawing/2014/main" id="{35BCD598-4EF8-43B3-BC43-A3DA40D1CCD8}"/>
              </a:ext>
            </a:extLst>
          </p:cNvPr>
          <p:cNvPicPr>
            <a:picLocks noChangeAspect="1"/>
          </p:cNvPicPr>
          <p:nvPr/>
        </p:nvPicPr>
        <p:blipFill>
          <a:blip r:embed="rId3">
            <a:duotone>
              <a:schemeClr val="bg2">
                <a:shade val="45000"/>
                <a:satMod val="135000"/>
              </a:schemeClr>
              <a:prstClr val="white"/>
            </a:duotone>
            <a:extLst>
              <a:ext uri="{BEBA8EAE-BF5A-486C-A8C5-ECC9F3942E4B}">
                <a14:imgProps xmlns:a14="http://schemas.microsoft.com/office/drawing/2010/main">
                  <a14:imgLayer r:embed="rId4">
                    <a14:imgEffect>
                      <a14:brightnessContrast bright="-40000" contrast="40000"/>
                    </a14:imgEffect>
                  </a14:imgLayer>
                </a14:imgProps>
              </a:ext>
            </a:extLst>
          </a:blip>
          <a:stretch>
            <a:fillRect/>
          </a:stretch>
        </p:blipFill>
        <p:spPr>
          <a:xfrm>
            <a:off x="9718857" y="2612376"/>
            <a:ext cx="444646" cy="197078"/>
          </a:xfrm>
          <a:prstGeom prst="rect">
            <a:avLst/>
          </a:prstGeom>
        </p:spPr>
      </p:pic>
      <p:grpSp>
        <p:nvGrpSpPr>
          <p:cNvPr id="281" name="Group 4">
            <a:extLst>
              <a:ext uri="{FF2B5EF4-FFF2-40B4-BE49-F238E27FC236}">
                <a16:creationId xmlns:a16="http://schemas.microsoft.com/office/drawing/2014/main" id="{75CB45BE-F9B4-4950-8353-CC162FE342E2}"/>
              </a:ext>
            </a:extLst>
          </p:cNvPr>
          <p:cNvGrpSpPr>
            <a:grpSpLocks noChangeAspect="1"/>
          </p:cNvGrpSpPr>
          <p:nvPr/>
        </p:nvGrpSpPr>
        <p:grpSpPr bwMode="auto">
          <a:xfrm>
            <a:off x="8116234" y="2391145"/>
            <a:ext cx="453784" cy="492904"/>
            <a:chOff x="1836" y="486"/>
            <a:chExt cx="2088" cy="2268"/>
          </a:xfrm>
        </p:grpSpPr>
        <p:sp>
          <p:nvSpPr>
            <p:cNvPr id="282" name="Freeform 5">
              <a:extLst>
                <a:ext uri="{FF2B5EF4-FFF2-40B4-BE49-F238E27FC236}">
                  <a16:creationId xmlns:a16="http://schemas.microsoft.com/office/drawing/2014/main" id="{7A0452AC-3FF8-4AED-A09F-53179F5CC36C}"/>
                </a:ext>
              </a:extLst>
            </p:cNvPr>
            <p:cNvSpPr>
              <a:spLocks noEditPoints="1"/>
            </p:cNvSpPr>
            <p:nvPr/>
          </p:nvSpPr>
          <p:spPr bwMode="auto">
            <a:xfrm>
              <a:off x="1836" y="486"/>
              <a:ext cx="2088" cy="2268"/>
            </a:xfrm>
            <a:custGeom>
              <a:avLst/>
              <a:gdLst>
                <a:gd name="T0" fmla="*/ 1057 w 2088"/>
                <a:gd name="T1" fmla="*/ 1855 h 2268"/>
                <a:gd name="T2" fmla="*/ 847 w 2088"/>
                <a:gd name="T3" fmla="*/ 2021 h 2268"/>
                <a:gd name="T4" fmla="*/ 490 w 2088"/>
                <a:gd name="T5" fmla="*/ 1365 h 2268"/>
                <a:gd name="T6" fmla="*/ 455 w 2088"/>
                <a:gd name="T7" fmla="*/ 1330 h 2268"/>
                <a:gd name="T8" fmla="*/ 499 w 2088"/>
                <a:gd name="T9" fmla="*/ 1330 h 2268"/>
                <a:gd name="T10" fmla="*/ 509 w 2088"/>
                <a:gd name="T11" fmla="*/ 1213 h 2268"/>
                <a:gd name="T12" fmla="*/ 926 w 2088"/>
                <a:gd name="T13" fmla="*/ 1225 h 2268"/>
                <a:gd name="T14" fmla="*/ 1120 w 2088"/>
                <a:gd name="T15" fmla="*/ 513 h 2268"/>
                <a:gd name="T16" fmla="*/ 1134 w 2088"/>
                <a:gd name="T17" fmla="*/ 670 h 2268"/>
                <a:gd name="T18" fmla="*/ 1029 w 2088"/>
                <a:gd name="T19" fmla="*/ 1157 h 2268"/>
                <a:gd name="T20" fmla="*/ 1029 w 2088"/>
                <a:gd name="T21" fmla="*/ 1029 h 2268"/>
                <a:gd name="T22" fmla="*/ 968 w 2088"/>
                <a:gd name="T23" fmla="*/ 877 h 2268"/>
                <a:gd name="T24" fmla="*/ 1029 w 2088"/>
                <a:gd name="T25" fmla="*/ 768 h 2268"/>
                <a:gd name="T26" fmla="*/ 1029 w 2088"/>
                <a:gd name="T27" fmla="*/ 579 h 2268"/>
                <a:gd name="T28" fmla="*/ 1029 w 2088"/>
                <a:gd name="T29" fmla="*/ 432 h 2268"/>
                <a:gd name="T30" fmla="*/ 1029 w 2088"/>
                <a:gd name="T31" fmla="*/ 506 h 2268"/>
                <a:gd name="T32" fmla="*/ 1057 w 2088"/>
                <a:gd name="T33" fmla="*/ 467 h 2268"/>
                <a:gd name="T34" fmla="*/ 1057 w 2088"/>
                <a:gd name="T35" fmla="*/ 492 h 2268"/>
                <a:gd name="T36" fmla="*/ 1057 w 2088"/>
                <a:gd name="T37" fmla="*/ 546 h 2268"/>
                <a:gd name="T38" fmla="*/ 1057 w 2088"/>
                <a:gd name="T39" fmla="*/ 600 h 2268"/>
                <a:gd name="T40" fmla="*/ 1006 w 2088"/>
                <a:gd name="T41" fmla="*/ 679 h 2268"/>
                <a:gd name="T42" fmla="*/ 1141 w 2088"/>
                <a:gd name="T43" fmla="*/ 751 h 2268"/>
                <a:gd name="T44" fmla="*/ 1078 w 2088"/>
                <a:gd name="T45" fmla="*/ 901 h 2268"/>
                <a:gd name="T46" fmla="*/ 1099 w 2088"/>
                <a:gd name="T47" fmla="*/ 1034 h 2268"/>
                <a:gd name="T48" fmla="*/ 1099 w 2088"/>
                <a:gd name="T49" fmla="*/ 1099 h 2268"/>
                <a:gd name="T50" fmla="*/ 1061 w 2088"/>
                <a:gd name="T51" fmla="*/ 723 h 2268"/>
                <a:gd name="T52" fmla="*/ 1064 w 2088"/>
                <a:gd name="T53" fmla="*/ 786 h 2268"/>
                <a:gd name="T54" fmla="*/ 1064 w 2088"/>
                <a:gd name="T55" fmla="*/ 852 h 2268"/>
                <a:gd name="T56" fmla="*/ 1064 w 2088"/>
                <a:gd name="T57" fmla="*/ 912 h 2268"/>
                <a:gd name="T58" fmla="*/ 1064 w 2088"/>
                <a:gd name="T59" fmla="*/ 975 h 2268"/>
                <a:gd name="T60" fmla="*/ 1057 w 2088"/>
                <a:gd name="T61" fmla="*/ 1041 h 2268"/>
                <a:gd name="T62" fmla="*/ 1029 w 2088"/>
                <a:gd name="T63" fmla="*/ 1141 h 2268"/>
                <a:gd name="T64" fmla="*/ 1029 w 2088"/>
                <a:gd name="T65" fmla="*/ 1178 h 2268"/>
                <a:gd name="T66" fmla="*/ 1138 w 2088"/>
                <a:gd name="T67" fmla="*/ 733 h 2268"/>
                <a:gd name="T68" fmla="*/ 1057 w 2088"/>
                <a:gd name="T69" fmla="*/ 201 h 2268"/>
                <a:gd name="T70" fmla="*/ 978 w 2088"/>
                <a:gd name="T71" fmla="*/ 684 h 2268"/>
                <a:gd name="T72" fmla="*/ 1927 w 2088"/>
                <a:gd name="T73" fmla="*/ 2021 h 2268"/>
                <a:gd name="T74" fmla="*/ 1787 w 2088"/>
                <a:gd name="T75" fmla="*/ 1867 h 2268"/>
                <a:gd name="T76" fmla="*/ 1920 w 2088"/>
                <a:gd name="T77" fmla="*/ 1559 h 2268"/>
                <a:gd name="T78" fmla="*/ 1946 w 2088"/>
                <a:gd name="T79" fmla="*/ 1500 h 2268"/>
                <a:gd name="T80" fmla="*/ 1689 w 2088"/>
                <a:gd name="T81" fmla="*/ 1328 h 2268"/>
                <a:gd name="T82" fmla="*/ 2044 w 2088"/>
                <a:gd name="T83" fmla="*/ 1580 h 2268"/>
                <a:gd name="T84" fmla="*/ 1386 w 2088"/>
                <a:gd name="T85" fmla="*/ 1328 h 2268"/>
                <a:gd name="T86" fmla="*/ 1932 w 2088"/>
                <a:gd name="T87" fmla="*/ 1206 h 2268"/>
                <a:gd name="T88" fmla="*/ 1255 w 2088"/>
                <a:gd name="T89" fmla="*/ 1122 h 2268"/>
                <a:gd name="T90" fmla="*/ 1157 w 2088"/>
                <a:gd name="T91" fmla="*/ 558 h 2268"/>
                <a:gd name="T92" fmla="*/ 1129 w 2088"/>
                <a:gd name="T93" fmla="*/ 133 h 2268"/>
                <a:gd name="T94" fmla="*/ 1029 w 2088"/>
                <a:gd name="T95" fmla="*/ 0 h 2268"/>
                <a:gd name="T96" fmla="*/ 994 w 2088"/>
                <a:gd name="T97" fmla="*/ 175 h 2268"/>
                <a:gd name="T98" fmla="*/ 980 w 2088"/>
                <a:gd name="T99" fmla="*/ 261 h 2268"/>
                <a:gd name="T100" fmla="*/ 581 w 2088"/>
                <a:gd name="T101" fmla="*/ 1181 h 2268"/>
                <a:gd name="T102" fmla="*/ 359 w 2088"/>
                <a:gd name="T103" fmla="*/ 1190 h 2268"/>
                <a:gd name="T104" fmla="*/ 427 w 2088"/>
                <a:gd name="T105" fmla="*/ 1272 h 2268"/>
                <a:gd name="T106" fmla="*/ 462 w 2088"/>
                <a:gd name="T107" fmla="*/ 1295 h 2268"/>
                <a:gd name="T108" fmla="*/ 462 w 2088"/>
                <a:gd name="T109" fmla="*/ 1386 h 2268"/>
                <a:gd name="T110" fmla="*/ 408 w 2088"/>
                <a:gd name="T111" fmla="*/ 1843 h 2268"/>
                <a:gd name="T112" fmla="*/ 184 w 2088"/>
                <a:gd name="T113" fmla="*/ 2007 h 2268"/>
                <a:gd name="T114" fmla="*/ 156 w 2088"/>
                <a:gd name="T115" fmla="*/ 2186 h 2268"/>
                <a:gd name="T116" fmla="*/ 1029 w 2088"/>
                <a:gd name="T117" fmla="*/ 2242 h 2268"/>
                <a:gd name="T118" fmla="*/ 1939 w 2088"/>
                <a:gd name="T119" fmla="*/ 2179 h 22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2088" h="2268">
                  <a:moveTo>
                    <a:pt x="1057" y="1855"/>
                  </a:moveTo>
                  <a:lnTo>
                    <a:pt x="1278" y="1867"/>
                  </a:lnTo>
                  <a:lnTo>
                    <a:pt x="1383" y="1867"/>
                  </a:lnTo>
                  <a:lnTo>
                    <a:pt x="1383" y="2021"/>
                  </a:lnTo>
                  <a:lnTo>
                    <a:pt x="1334" y="2021"/>
                  </a:lnTo>
                  <a:lnTo>
                    <a:pt x="1334" y="2002"/>
                  </a:lnTo>
                  <a:lnTo>
                    <a:pt x="1250" y="2002"/>
                  </a:lnTo>
                  <a:lnTo>
                    <a:pt x="1250" y="2021"/>
                  </a:lnTo>
                  <a:lnTo>
                    <a:pt x="1057" y="2021"/>
                  </a:lnTo>
                  <a:lnTo>
                    <a:pt x="1057" y="1855"/>
                  </a:lnTo>
                  <a:close/>
                  <a:moveTo>
                    <a:pt x="847" y="2021"/>
                  </a:moveTo>
                  <a:lnTo>
                    <a:pt x="847" y="2002"/>
                  </a:lnTo>
                  <a:lnTo>
                    <a:pt x="763" y="2002"/>
                  </a:lnTo>
                  <a:lnTo>
                    <a:pt x="763" y="2021"/>
                  </a:lnTo>
                  <a:lnTo>
                    <a:pt x="695" y="2021"/>
                  </a:lnTo>
                  <a:lnTo>
                    <a:pt x="695" y="1867"/>
                  </a:lnTo>
                  <a:lnTo>
                    <a:pt x="803" y="1867"/>
                  </a:lnTo>
                  <a:lnTo>
                    <a:pt x="1043" y="1855"/>
                  </a:lnTo>
                  <a:lnTo>
                    <a:pt x="1043" y="2021"/>
                  </a:lnTo>
                  <a:lnTo>
                    <a:pt x="847" y="2021"/>
                  </a:lnTo>
                  <a:close/>
                  <a:moveTo>
                    <a:pt x="695" y="1743"/>
                  </a:moveTo>
                  <a:lnTo>
                    <a:pt x="793" y="1743"/>
                  </a:lnTo>
                  <a:lnTo>
                    <a:pt x="793" y="1792"/>
                  </a:lnTo>
                  <a:lnTo>
                    <a:pt x="945" y="1792"/>
                  </a:lnTo>
                  <a:lnTo>
                    <a:pt x="945" y="1743"/>
                  </a:lnTo>
                  <a:lnTo>
                    <a:pt x="1043" y="1743"/>
                  </a:lnTo>
                  <a:lnTo>
                    <a:pt x="1043" y="1843"/>
                  </a:lnTo>
                  <a:lnTo>
                    <a:pt x="695" y="1843"/>
                  </a:lnTo>
                  <a:lnTo>
                    <a:pt x="695" y="1743"/>
                  </a:lnTo>
                  <a:close/>
                  <a:moveTo>
                    <a:pt x="490" y="1365"/>
                  </a:moveTo>
                  <a:lnTo>
                    <a:pt x="490" y="1365"/>
                  </a:lnTo>
                  <a:lnTo>
                    <a:pt x="497" y="1360"/>
                  </a:lnTo>
                  <a:lnTo>
                    <a:pt x="504" y="1356"/>
                  </a:lnTo>
                  <a:lnTo>
                    <a:pt x="506" y="1351"/>
                  </a:lnTo>
                  <a:lnTo>
                    <a:pt x="511" y="1344"/>
                  </a:lnTo>
                  <a:lnTo>
                    <a:pt x="511" y="1386"/>
                  </a:lnTo>
                  <a:lnTo>
                    <a:pt x="490" y="1386"/>
                  </a:lnTo>
                  <a:lnTo>
                    <a:pt x="490" y="1365"/>
                  </a:lnTo>
                  <a:close/>
                  <a:moveTo>
                    <a:pt x="455" y="1330"/>
                  </a:moveTo>
                  <a:lnTo>
                    <a:pt x="455" y="1330"/>
                  </a:lnTo>
                  <a:lnTo>
                    <a:pt x="455" y="1321"/>
                  </a:lnTo>
                  <a:lnTo>
                    <a:pt x="462" y="1314"/>
                  </a:lnTo>
                  <a:lnTo>
                    <a:pt x="469" y="1309"/>
                  </a:lnTo>
                  <a:lnTo>
                    <a:pt x="476" y="1307"/>
                  </a:lnTo>
                  <a:lnTo>
                    <a:pt x="476" y="1307"/>
                  </a:lnTo>
                  <a:lnTo>
                    <a:pt x="485" y="1309"/>
                  </a:lnTo>
                  <a:lnTo>
                    <a:pt x="492" y="1314"/>
                  </a:lnTo>
                  <a:lnTo>
                    <a:pt x="497" y="1321"/>
                  </a:lnTo>
                  <a:lnTo>
                    <a:pt x="499" y="1330"/>
                  </a:lnTo>
                  <a:lnTo>
                    <a:pt x="499" y="1330"/>
                  </a:lnTo>
                  <a:lnTo>
                    <a:pt x="497" y="1339"/>
                  </a:lnTo>
                  <a:lnTo>
                    <a:pt x="492" y="1346"/>
                  </a:lnTo>
                  <a:lnTo>
                    <a:pt x="485" y="1351"/>
                  </a:lnTo>
                  <a:lnTo>
                    <a:pt x="476" y="1351"/>
                  </a:lnTo>
                  <a:lnTo>
                    <a:pt x="476" y="1351"/>
                  </a:lnTo>
                  <a:lnTo>
                    <a:pt x="469" y="1351"/>
                  </a:lnTo>
                  <a:lnTo>
                    <a:pt x="462" y="1346"/>
                  </a:lnTo>
                  <a:lnTo>
                    <a:pt x="455" y="1339"/>
                  </a:lnTo>
                  <a:lnTo>
                    <a:pt x="455" y="1330"/>
                  </a:lnTo>
                  <a:close/>
                  <a:moveTo>
                    <a:pt x="509" y="1213"/>
                  </a:moveTo>
                  <a:lnTo>
                    <a:pt x="509" y="1202"/>
                  </a:lnTo>
                  <a:lnTo>
                    <a:pt x="546" y="1199"/>
                  </a:lnTo>
                  <a:lnTo>
                    <a:pt x="546" y="1213"/>
                  </a:lnTo>
                  <a:lnTo>
                    <a:pt x="509" y="1213"/>
                  </a:lnTo>
                  <a:close/>
                  <a:moveTo>
                    <a:pt x="646" y="1188"/>
                  </a:moveTo>
                  <a:lnTo>
                    <a:pt x="646" y="1225"/>
                  </a:lnTo>
                  <a:lnTo>
                    <a:pt x="581" y="1225"/>
                  </a:lnTo>
                  <a:lnTo>
                    <a:pt x="581" y="1195"/>
                  </a:lnTo>
                  <a:lnTo>
                    <a:pt x="646" y="1188"/>
                  </a:lnTo>
                  <a:close/>
                  <a:moveTo>
                    <a:pt x="926" y="1225"/>
                  </a:moveTo>
                  <a:lnTo>
                    <a:pt x="915" y="1225"/>
                  </a:lnTo>
                  <a:lnTo>
                    <a:pt x="915" y="1167"/>
                  </a:lnTo>
                  <a:lnTo>
                    <a:pt x="887" y="1167"/>
                  </a:lnTo>
                  <a:lnTo>
                    <a:pt x="887" y="1225"/>
                  </a:lnTo>
                  <a:lnTo>
                    <a:pt x="674" y="1225"/>
                  </a:lnTo>
                  <a:lnTo>
                    <a:pt x="674" y="1185"/>
                  </a:lnTo>
                  <a:lnTo>
                    <a:pt x="926" y="1157"/>
                  </a:lnTo>
                  <a:lnTo>
                    <a:pt x="926" y="1225"/>
                  </a:lnTo>
                  <a:close/>
                  <a:moveTo>
                    <a:pt x="1068" y="530"/>
                  </a:moveTo>
                  <a:lnTo>
                    <a:pt x="1120" y="513"/>
                  </a:lnTo>
                  <a:lnTo>
                    <a:pt x="1122" y="548"/>
                  </a:lnTo>
                  <a:lnTo>
                    <a:pt x="1068" y="530"/>
                  </a:lnTo>
                  <a:close/>
                  <a:moveTo>
                    <a:pt x="1127" y="604"/>
                  </a:moveTo>
                  <a:lnTo>
                    <a:pt x="1071" y="586"/>
                  </a:lnTo>
                  <a:lnTo>
                    <a:pt x="1124" y="569"/>
                  </a:lnTo>
                  <a:lnTo>
                    <a:pt x="1127" y="604"/>
                  </a:lnTo>
                  <a:close/>
                  <a:moveTo>
                    <a:pt x="1134" y="670"/>
                  </a:moveTo>
                  <a:lnTo>
                    <a:pt x="1064" y="646"/>
                  </a:lnTo>
                  <a:lnTo>
                    <a:pt x="1129" y="623"/>
                  </a:lnTo>
                  <a:lnTo>
                    <a:pt x="1134" y="670"/>
                  </a:lnTo>
                  <a:close/>
                  <a:moveTo>
                    <a:pt x="964" y="1202"/>
                  </a:moveTo>
                  <a:lnTo>
                    <a:pt x="1029" y="1220"/>
                  </a:lnTo>
                  <a:lnTo>
                    <a:pt x="1029" y="1225"/>
                  </a:lnTo>
                  <a:lnTo>
                    <a:pt x="964" y="1225"/>
                  </a:lnTo>
                  <a:lnTo>
                    <a:pt x="964" y="1202"/>
                  </a:lnTo>
                  <a:close/>
                  <a:moveTo>
                    <a:pt x="1029" y="1157"/>
                  </a:moveTo>
                  <a:lnTo>
                    <a:pt x="1029" y="1162"/>
                  </a:lnTo>
                  <a:lnTo>
                    <a:pt x="964" y="1181"/>
                  </a:lnTo>
                  <a:lnTo>
                    <a:pt x="964" y="1136"/>
                  </a:lnTo>
                  <a:lnTo>
                    <a:pt x="1029" y="1157"/>
                  </a:lnTo>
                  <a:close/>
                  <a:moveTo>
                    <a:pt x="1029" y="1092"/>
                  </a:moveTo>
                  <a:lnTo>
                    <a:pt x="1029" y="1099"/>
                  </a:lnTo>
                  <a:lnTo>
                    <a:pt x="964" y="1118"/>
                  </a:lnTo>
                  <a:lnTo>
                    <a:pt x="964" y="1073"/>
                  </a:lnTo>
                  <a:lnTo>
                    <a:pt x="1029" y="1092"/>
                  </a:lnTo>
                  <a:close/>
                  <a:moveTo>
                    <a:pt x="1029" y="1029"/>
                  </a:moveTo>
                  <a:lnTo>
                    <a:pt x="1029" y="1034"/>
                  </a:lnTo>
                  <a:lnTo>
                    <a:pt x="964" y="1055"/>
                  </a:lnTo>
                  <a:lnTo>
                    <a:pt x="964" y="1008"/>
                  </a:lnTo>
                  <a:lnTo>
                    <a:pt x="1029" y="1029"/>
                  </a:lnTo>
                  <a:close/>
                  <a:moveTo>
                    <a:pt x="1029" y="961"/>
                  </a:moveTo>
                  <a:lnTo>
                    <a:pt x="1029" y="971"/>
                  </a:lnTo>
                  <a:lnTo>
                    <a:pt x="966" y="989"/>
                  </a:lnTo>
                  <a:lnTo>
                    <a:pt x="966" y="943"/>
                  </a:lnTo>
                  <a:lnTo>
                    <a:pt x="1029" y="961"/>
                  </a:lnTo>
                  <a:close/>
                  <a:moveTo>
                    <a:pt x="968" y="877"/>
                  </a:moveTo>
                  <a:lnTo>
                    <a:pt x="1029" y="896"/>
                  </a:lnTo>
                  <a:lnTo>
                    <a:pt x="1029" y="908"/>
                  </a:lnTo>
                  <a:lnTo>
                    <a:pt x="966" y="926"/>
                  </a:lnTo>
                  <a:lnTo>
                    <a:pt x="968" y="877"/>
                  </a:lnTo>
                  <a:close/>
                  <a:moveTo>
                    <a:pt x="1029" y="831"/>
                  </a:moveTo>
                  <a:lnTo>
                    <a:pt x="1029" y="847"/>
                  </a:lnTo>
                  <a:lnTo>
                    <a:pt x="968" y="863"/>
                  </a:lnTo>
                  <a:lnTo>
                    <a:pt x="971" y="814"/>
                  </a:lnTo>
                  <a:lnTo>
                    <a:pt x="1029" y="831"/>
                  </a:lnTo>
                  <a:close/>
                  <a:moveTo>
                    <a:pt x="1029" y="768"/>
                  </a:moveTo>
                  <a:lnTo>
                    <a:pt x="1029" y="782"/>
                  </a:lnTo>
                  <a:lnTo>
                    <a:pt x="971" y="800"/>
                  </a:lnTo>
                  <a:lnTo>
                    <a:pt x="973" y="749"/>
                  </a:lnTo>
                  <a:lnTo>
                    <a:pt x="1029" y="768"/>
                  </a:lnTo>
                  <a:close/>
                  <a:moveTo>
                    <a:pt x="1029" y="635"/>
                  </a:moveTo>
                  <a:lnTo>
                    <a:pt x="1029" y="656"/>
                  </a:lnTo>
                  <a:lnTo>
                    <a:pt x="978" y="672"/>
                  </a:lnTo>
                  <a:lnTo>
                    <a:pt x="982" y="621"/>
                  </a:lnTo>
                  <a:lnTo>
                    <a:pt x="1029" y="635"/>
                  </a:lnTo>
                  <a:close/>
                  <a:moveTo>
                    <a:pt x="1029" y="579"/>
                  </a:moveTo>
                  <a:lnTo>
                    <a:pt x="1029" y="593"/>
                  </a:lnTo>
                  <a:lnTo>
                    <a:pt x="985" y="607"/>
                  </a:lnTo>
                  <a:lnTo>
                    <a:pt x="989" y="567"/>
                  </a:lnTo>
                  <a:lnTo>
                    <a:pt x="1029" y="579"/>
                  </a:lnTo>
                  <a:close/>
                  <a:moveTo>
                    <a:pt x="994" y="511"/>
                  </a:moveTo>
                  <a:lnTo>
                    <a:pt x="1029" y="520"/>
                  </a:lnTo>
                  <a:lnTo>
                    <a:pt x="1029" y="539"/>
                  </a:lnTo>
                  <a:lnTo>
                    <a:pt x="989" y="551"/>
                  </a:lnTo>
                  <a:lnTo>
                    <a:pt x="994" y="511"/>
                  </a:lnTo>
                  <a:close/>
                  <a:moveTo>
                    <a:pt x="1029" y="432"/>
                  </a:moveTo>
                  <a:lnTo>
                    <a:pt x="1001" y="443"/>
                  </a:lnTo>
                  <a:lnTo>
                    <a:pt x="1003" y="425"/>
                  </a:lnTo>
                  <a:lnTo>
                    <a:pt x="1029" y="425"/>
                  </a:lnTo>
                  <a:lnTo>
                    <a:pt x="1029" y="432"/>
                  </a:lnTo>
                  <a:close/>
                  <a:moveTo>
                    <a:pt x="1110" y="439"/>
                  </a:moveTo>
                  <a:lnTo>
                    <a:pt x="1082" y="425"/>
                  </a:lnTo>
                  <a:lnTo>
                    <a:pt x="1110" y="425"/>
                  </a:lnTo>
                  <a:lnTo>
                    <a:pt x="1110" y="439"/>
                  </a:lnTo>
                  <a:close/>
                  <a:moveTo>
                    <a:pt x="1073" y="481"/>
                  </a:moveTo>
                  <a:lnTo>
                    <a:pt x="1113" y="462"/>
                  </a:lnTo>
                  <a:lnTo>
                    <a:pt x="1117" y="495"/>
                  </a:lnTo>
                  <a:lnTo>
                    <a:pt x="1073" y="481"/>
                  </a:lnTo>
                  <a:close/>
                  <a:moveTo>
                    <a:pt x="1029" y="502"/>
                  </a:moveTo>
                  <a:lnTo>
                    <a:pt x="1029" y="506"/>
                  </a:lnTo>
                  <a:lnTo>
                    <a:pt x="1022" y="504"/>
                  </a:lnTo>
                  <a:lnTo>
                    <a:pt x="1029" y="502"/>
                  </a:lnTo>
                  <a:close/>
                  <a:moveTo>
                    <a:pt x="1029" y="455"/>
                  </a:moveTo>
                  <a:lnTo>
                    <a:pt x="1020" y="450"/>
                  </a:lnTo>
                  <a:lnTo>
                    <a:pt x="1029" y="448"/>
                  </a:lnTo>
                  <a:lnTo>
                    <a:pt x="1029" y="455"/>
                  </a:lnTo>
                  <a:close/>
                  <a:moveTo>
                    <a:pt x="1061" y="432"/>
                  </a:moveTo>
                  <a:lnTo>
                    <a:pt x="1101" y="450"/>
                  </a:lnTo>
                  <a:lnTo>
                    <a:pt x="1061" y="469"/>
                  </a:lnTo>
                  <a:lnTo>
                    <a:pt x="1057" y="467"/>
                  </a:lnTo>
                  <a:lnTo>
                    <a:pt x="1057" y="434"/>
                  </a:lnTo>
                  <a:lnTo>
                    <a:pt x="1061" y="432"/>
                  </a:lnTo>
                  <a:close/>
                  <a:moveTo>
                    <a:pt x="999" y="457"/>
                  </a:moveTo>
                  <a:lnTo>
                    <a:pt x="1029" y="471"/>
                  </a:lnTo>
                  <a:lnTo>
                    <a:pt x="1029" y="485"/>
                  </a:lnTo>
                  <a:lnTo>
                    <a:pt x="996" y="497"/>
                  </a:lnTo>
                  <a:lnTo>
                    <a:pt x="999" y="457"/>
                  </a:lnTo>
                  <a:close/>
                  <a:moveTo>
                    <a:pt x="1061" y="516"/>
                  </a:moveTo>
                  <a:lnTo>
                    <a:pt x="1057" y="516"/>
                  </a:lnTo>
                  <a:lnTo>
                    <a:pt x="1057" y="492"/>
                  </a:lnTo>
                  <a:lnTo>
                    <a:pt x="1061" y="492"/>
                  </a:lnTo>
                  <a:lnTo>
                    <a:pt x="1101" y="504"/>
                  </a:lnTo>
                  <a:lnTo>
                    <a:pt x="1061" y="516"/>
                  </a:lnTo>
                  <a:close/>
                  <a:moveTo>
                    <a:pt x="1029" y="562"/>
                  </a:moveTo>
                  <a:lnTo>
                    <a:pt x="1015" y="558"/>
                  </a:lnTo>
                  <a:lnTo>
                    <a:pt x="1029" y="553"/>
                  </a:lnTo>
                  <a:lnTo>
                    <a:pt x="1029" y="562"/>
                  </a:lnTo>
                  <a:close/>
                  <a:moveTo>
                    <a:pt x="1061" y="574"/>
                  </a:moveTo>
                  <a:lnTo>
                    <a:pt x="1057" y="572"/>
                  </a:lnTo>
                  <a:lnTo>
                    <a:pt x="1057" y="546"/>
                  </a:lnTo>
                  <a:lnTo>
                    <a:pt x="1061" y="544"/>
                  </a:lnTo>
                  <a:lnTo>
                    <a:pt x="1108" y="558"/>
                  </a:lnTo>
                  <a:lnTo>
                    <a:pt x="1061" y="574"/>
                  </a:lnTo>
                  <a:close/>
                  <a:moveTo>
                    <a:pt x="1029" y="621"/>
                  </a:moveTo>
                  <a:lnTo>
                    <a:pt x="1010" y="614"/>
                  </a:lnTo>
                  <a:lnTo>
                    <a:pt x="1029" y="609"/>
                  </a:lnTo>
                  <a:lnTo>
                    <a:pt x="1029" y="621"/>
                  </a:lnTo>
                  <a:close/>
                  <a:moveTo>
                    <a:pt x="1061" y="630"/>
                  </a:moveTo>
                  <a:lnTo>
                    <a:pt x="1057" y="628"/>
                  </a:lnTo>
                  <a:lnTo>
                    <a:pt x="1057" y="600"/>
                  </a:lnTo>
                  <a:lnTo>
                    <a:pt x="1061" y="597"/>
                  </a:lnTo>
                  <a:lnTo>
                    <a:pt x="1113" y="614"/>
                  </a:lnTo>
                  <a:lnTo>
                    <a:pt x="1061" y="630"/>
                  </a:lnTo>
                  <a:close/>
                  <a:moveTo>
                    <a:pt x="1057" y="646"/>
                  </a:moveTo>
                  <a:lnTo>
                    <a:pt x="1057" y="644"/>
                  </a:lnTo>
                  <a:lnTo>
                    <a:pt x="1061" y="646"/>
                  </a:lnTo>
                  <a:lnTo>
                    <a:pt x="1061" y="646"/>
                  </a:lnTo>
                  <a:lnTo>
                    <a:pt x="1057" y="646"/>
                  </a:lnTo>
                  <a:close/>
                  <a:moveTo>
                    <a:pt x="1029" y="686"/>
                  </a:moveTo>
                  <a:lnTo>
                    <a:pt x="1006" y="679"/>
                  </a:lnTo>
                  <a:lnTo>
                    <a:pt x="1029" y="672"/>
                  </a:lnTo>
                  <a:lnTo>
                    <a:pt x="1029" y="686"/>
                  </a:lnTo>
                  <a:close/>
                  <a:moveTo>
                    <a:pt x="1061" y="695"/>
                  </a:moveTo>
                  <a:lnTo>
                    <a:pt x="1057" y="693"/>
                  </a:lnTo>
                  <a:lnTo>
                    <a:pt x="1057" y="663"/>
                  </a:lnTo>
                  <a:lnTo>
                    <a:pt x="1061" y="660"/>
                  </a:lnTo>
                  <a:lnTo>
                    <a:pt x="1115" y="679"/>
                  </a:lnTo>
                  <a:lnTo>
                    <a:pt x="1061" y="695"/>
                  </a:lnTo>
                  <a:close/>
                  <a:moveTo>
                    <a:pt x="1071" y="775"/>
                  </a:moveTo>
                  <a:lnTo>
                    <a:pt x="1141" y="751"/>
                  </a:lnTo>
                  <a:lnTo>
                    <a:pt x="1141" y="796"/>
                  </a:lnTo>
                  <a:lnTo>
                    <a:pt x="1071" y="775"/>
                  </a:lnTo>
                  <a:close/>
                  <a:moveTo>
                    <a:pt x="1143" y="861"/>
                  </a:moveTo>
                  <a:lnTo>
                    <a:pt x="1073" y="838"/>
                  </a:lnTo>
                  <a:lnTo>
                    <a:pt x="1141" y="817"/>
                  </a:lnTo>
                  <a:lnTo>
                    <a:pt x="1143" y="861"/>
                  </a:lnTo>
                  <a:close/>
                  <a:moveTo>
                    <a:pt x="1078" y="901"/>
                  </a:moveTo>
                  <a:lnTo>
                    <a:pt x="1143" y="880"/>
                  </a:lnTo>
                  <a:lnTo>
                    <a:pt x="1145" y="924"/>
                  </a:lnTo>
                  <a:lnTo>
                    <a:pt x="1078" y="901"/>
                  </a:lnTo>
                  <a:close/>
                  <a:moveTo>
                    <a:pt x="1138" y="947"/>
                  </a:moveTo>
                  <a:lnTo>
                    <a:pt x="1145" y="945"/>
                  </a:lnTo>
                  <a:lnTo>
                    <a:pt x="1145" y="947"/>
                  </a:lnTo>
                  <a:lnTo>
                    <a:pt x="1138" y="947"/>
                  </a:lnTo>
                  <a:close/>
                  <a:moveTo>
                    <a:pt x="1099" y="1220"/>
                  </a:moveTo>
                  <a:lnTo>
                    <a:pt x="1099" y="1225"/>
                  </a:lnTo>
                  <a:lnTo>
                    <a:pt x="1085" y="1225"/>
                  </a:lnTo>
                  <a:lnTo>
                    <a:pt x="1099" y="1220"/>
                  </a:lnTo>
                  <a:close/>
                  <a:moveTo>
                    <a:pt x="1099" y="1027"/>
                  </a:moveTo>
                  <a:lnTo>
                    <a:pt x="1099" y="1034"/>
                  </a:lnTo>
                  <a:lnTo>
                    <a:pt x="1087" y="1031"/>
                  </a:lnTo>
                  <a:lnTo>
                    <a:pt x="1099" y="1027"/>
                  </a:lnTo>
                  <a:close/>
                  <a:moveTo>
                    <a:pt x="1099" y="961"/>
                  </a:moveTo>
                  <a:lnTo>
                    <a:pt x="1099" y="971"/>
                  </a:lnTo>
                  <a:lnTo>
                    <a:pt x="1085" y="966"/>
                  </a:lnTo>
                  <a:lnTo>
                    <a:pt x="1099" y="961"/>
                  </a:lnTo>
                  <a:close/>
                  <a:moveTo>
                    <a:pt x="1099" y="1099"/>
                  </a:moveTo>
                  <a:lnTo>
                    <a:pt x="1087" y="1094"/>
                  </a:lnTo>
                  <a:lnTo>
                    <a:pt x="1099" y="1092"/>
                  </a:lnTo>
                  <a:lnTo>
                    <a:pt x="1099" y="1099"/>
                  </a:lnTo>
                  <a:close/>
                  <a:moveTo>
                    <a:pt x="1099" y="1162"/>
                  </a:moveTo>
                  <a:lnTo>
                    <a:pt x="1087" y="1160"/>
                  </a:lnTo>
                  <a:lnTo>
                    <a:pt x="1099" y="1155"/>
                  </a:lnTo>
                  <a:lnTo>
                    <a:pt x="1099" y="1162"/>
                  </a:lnTo>
                  <a:close/>
                  <a:moveTo>
                    <a:pt x="1029" y="751"/>
                  </a:moveTo>
                  <a:lnTo>
                    <a:pt x="999" y="742"/>
                  </a:lnTo>
                  <a:lnTo>
                    <a:pt x="1029" y="733"/>
                  </a:lnTo>
                  <a:lnTo>
                    <a:pt x="1029" y="751"/>
                  </a:lnTo>
                  <a:close/>
                  <a:moveTo>
                    <a:pt x="1057" y="723"/>
                  </a:moveTo>
                  <a:lnTo>
                    <a:pt x="1061" y="723"/>
                  </a:lnTo>
                  <a:lnTo>
                    <a:pt x="1120" y="742"/>
                  </a:lnTo>
                  <a:lnTo>
                    <a:pt x="1059" y="763"/>
                  </a:lnTo>
                  <a:lnTo>
                    <a:pt x="1057" y="761"/>
                  </a:lnTo>
                  <a:lnTo>
                    <a:pt x="1057" y="723"/>
                  </a:lnTo>
                  <a:close/>
                  <a:moveTo>
                    <a:pt x="1029" y="817"/>
                  </a:moveTo>
                  <a:lnTo>
                    <a:pt x="999" y="807"/>
                  </a:lnTo>
                  <a:lnTo>
                    <a:pt x="1029" y="798"/>
                  </a:lnTo>
                  <a:lnTo>
                    <a:pt x="1029" y="817"/>
                  </a:lnTo>
                  <a:close/>
                  <a:moveTo>
                    <a:pt x="1057" y="789"/>
                  </a:moveTo>
                  <a:lnTo>
                    <a:pt x="1064" y="786"/>
                  </a:lnTo>
                  <a:lnTo>
                    <a:pt x="1124" y="807"/>
                  </a:lnTo>
                  <a:lnTo>
                    <a:pt x="1064" y="826"/>
                  </a:lnTo>
                  <a:lnTo>
                    <a:pt x="1057" y="824"/>
                  </a:lnTo>
                  <a:lnTo>
                    <a:pt x="1057" y="789"/>
                  </a:lnTo>
                  <a:close/>
                  <a:moveTo>
                    <a:pt x="1029" y="880"/>
                  </a:moveTo>
                  <a:lnTo>
                    <a:pt x="999" y="870"/>
                  </a:lnTo>
                  <a:lnTo>
                    <a:pt x="1029" y="861"/>
                  </a:lnTo>
                  <a:lnTo>
                    <a:pt x="1029" y="880"/>
                  </a:lnTo>
                  <a:close/>
                  <a:moveTo>
                    <a:pt x="1057" y="852"/>
                  </a:moveTo>
                  <a:lnTo>
                    <a:pt x="1064" y="852"/>
                  </a:lnTo>
                  <a:lnTo>
                    <a:pt x="1124" y="870"/>
                  </a:lnTo>
                  <a:lnTo>
                    <a:pt x="1064" y="891"/>
                  </a:lnTo>
                  <a:lnTo>
                    <a:pt x="1057" y="889"/>
                  </a:lnTo>
                  <a:lnTo>
                    <a:pt x="1057" y="852"/>
                  </a:lnTo>
                  <a:close/>
                  <a:moveTo>
                    <a:pt x="1029" y="947"/>
                  </a:moveTo>
                  <a:lnTo>
                    <a:pt x="989" y="936"/>
                  </a:lnTo>
                  <a:lnTo>
                    <a:pt x="1029" y="924"/>
                  </a:lnTo>
                  <a:lnTo>
                    <a:pt x="1029" y="947"/>
                  </a:lnTo>
                  <a:close/>
                  <a:moveTo>
                    <a:pt x="1057" y="915"/>
                  </a:moveTo>
                  <a:lnTo>
                    <a:pt x="1064" y="912"/>
                  </a:lnTo>
                  <a:lnTo>
                    <a:pt x="1134" y="936"/>
                  </a:lnTo>
                  <a:lnTo>
                    <a:pt x="1064" y="957"/>
                  </a:lnTo>
                  <a:lnTo>
                    <a:pt x="1057" y="957"/>
                  </a:lnTo>
                  <a:lnTo>
                    <a:pt x="1057" y="915"/>
                  </a:lnTo>
                  <a:close/>
                  <a:moveTo>
                    <a:pt x="1029" y="1013"/>
                  </a:moveTo>
                  <a:lnTo>
                    <a:pt x="985" y="999"/>
                  </a:lnTo>
                  <a:lnTo>
                    <a:pt x="1029" y="985"/>
                  </a:lnTo>
                  <a:lnTo>
                    <a:pt x="1029" y="1013"/>
                  </a:lnTo>
                  <a:close/>
                  <a:moveTo>
                    <a:pt x="1057" y="975"/>
                  </a:moveTo>
                  <a:lnTo>
                    <a:pt x="1064" y="975"/>
                  </a:lnTo>
                  <a:lnTo>
                    <a:pt x="1099" y="987"/>
                  </a:lnTo>
                  <a:lnTo>
                    <a:pt x="1099" y="1013"/>
                  </a:lnTo>
                  <a:lnTo>
                    <a:pt x="1064" y="1024"/>
                  </a:lnTo>
                  <a:lnTo>
                    <a:pt x="1057" y="1022"/>
                  </a:lnTo>
                  <a:lnTo>
                    <a:pt x="1057" y="975"/>
                  </a:lnTo>
                  <a:close/>
                  <a:moveTo>
                    <a:pt x="1029" y="1076"/>
                  </a:moveTo>
                  <a:lnTo>
                    <a:pt x="985" y="1064"/>
                  </a:lnTo>
                  <a:lnTo>
                    <a:pt x="1029" y="1050"/>
                  </a:lnTo>
                  <a:lnTo>
                    <a:pt x="1029" y="1076"/>
                  </a:lnTo>
                  <a:close/>
                  <a:moveTo>
                    <a:pt x="1057" y="1041"/>
                  </a:moveTo>
                  <a:lnTo>
                    <a:pt x="1064" y="1038"/>
                  </a:lnTo>
                  <a:lnTo>
                    <a:pt x="1099" y="1050"/>
                  </a:lnTo>
                  <a:lnTo>
                    <a:pt x="1099" y="1076"/>
                  </a:lnTo>
                  <a:lnTo>
                    <a:pt x="1064" y="1087"/>
                  </a:lnTo>
                  <a:lnTo>
                    <a:pt x="1057" y="1085"/>
                  </a:lnTo>
                  <a:lnTo>
                    <a:pt x="1057" y="1041"/>
                  </a:lnTo>
                  <a:close/>
                  <a:moveTo>
                    <a:pt x="1029" y="1141"/>
                  </a:moveTo>
                  <a:lnTo>
                    <a:pt x="985" y="1127"/>
                  </a:lnTo>
                  <a:lnTo>
                    <a:pt x="1029" y="1113"/>
                  </a:lnTo>
                  <a:lnTo>
                    <a:pt x="1029" y="1141"/>
                  </a:lnTo>
                  <a:close/>
                  <a:moveTo>
                    <a:pt x="1057" y="1104"/>
                  </a:moveTo>
                  <a:lnTo>
                    <a:pt x="1064" y="1104"/>
                  </a:lnTo>
                  <a:lnTo>
                    <a:pt x="1099" y="1113"/>
                  </a:lnTo>
                  <a:lnTo>
                    <a:pt x="1099" y="1141"/>
                  </a:lnTo>
                  <a:lnTo>
                    <a:pt x="1064" y="1150"/>
                  </a:lnTo>
                  <a:lnTo>
                    <a:pt x="1057" y="1150"/>
                  </a:lnTo>
                  <a:lnTo>
                    <a:pt x="1057" y="1104"/>
                  </a:lnTo>
                  <a:close/>
                  <a:moveTo>
                    <a:pt x="1029" y="1204"/>
                  </a:moveTo>
                  <a:lnTo>
                    <a:pt x="985" y="1192"/>
                  </a:lnTo>
                  <a:lnTo>
                    <a:pt x="1029" y="1178"/>
                  </a:lnTo>
                  <a:lnTo>
                    <a:pt x="1029" y="1204"/>
                  </a:lnTo>
                  <a:close/>
                  <a:moveTo>
                    <a:pt x="1057" y="1169"/>
                  </a:moveTo>
                  <a:lnTo>
                    <a:pt x="1064" y="1167"/>
                  </a:lnTo>
                  <a:lnTo>
                    <a:pt x="1099" y="1178"/>
                  </a:lnTo>
                  <a:lnTo>
                    <a:pt x="1099" y="1204"/>
                  </a:lnTo>
                  <a:lnTo>
                    <a:pt x="1064" y="1216"/>
                  </a:lnTo>
                  <a:lnTo>
                    <a:pt x="1057" y="1213"/>
                  </a:lnTo>
                  <a:lnTo>
                    <a:pt x="1057" y="1169"/>
                  </a:lnTo>
                  <a:close/>
                  <a:moveTo>
                    <a:pt x="1138" y="714"/>
                  </a:moveTo>
                  <a:lnTo>
                    <a:pt x="1138" y="733"/>
                  </a:lnTo>
                  <a:lnTo>
                    <a:pt x="1068" y="709"/>
                  </a:lnTo>
                  <a:lnTo>
                    <a:pt x="1136" y="688"/>
                  </a:lnTo>
                  <a:lnTo>
                    <a:pt x="1138" y="714"/>
                  </a:lnTo>
                  <a:close/>
                  <a:moveTo>
                    <a:pt x="1029" y="273"/>
                  </a:moveTo>
                  <a:lnTo>
                    <a:pt x="1020" y="273"/>
                  </a:lnTo>
                  <a:lnTo>
                    <a:pt x="1020" y="201"/>
                  </a:lnTo>
                  <a:lnTo>
                    <a:pt x="1029" y="201"/>
                  </a:lnTo>
                  <a:lnTo>
                    <a:pt x="1029" y="273"/>
                  </a:lnTo>
                  <a:close/>
                  <a:moveTo>
                    <a:pt x="1057" y="273"/>
                  </a:moveTo>
                  <a:lnTo>
                    <a:pt x="1057" y="201"/>
                  </a:lnTo>
                  <a:lnTo>
                    <a:pt x="1059" y="201"/>
                  </a:lnTo>
                  <a:lnTo>
                    <a:pt x="1066" y="201"/>
                  </a:lnTo>
                  <a:lnTo>
                    <a:pt x="1066" y="273"/>
                  </a:lnTo>
                  <a:lnTo>
                    <a:pt x="1057" y="273"/>
                  </a:lnTo>
                  <a:close/>
                  <a:moveTo>
                    <a:pt x="978" y="684"/>
                  </a:moveTo>
                  <a:lnTo>
                    <a:pt x="1029" y="700"/>
                  </a:lnTo>
                  <a:lnTo>
                    <a:pt x="1029" y="716"/>
                  </a:lnTo>
                  <a:lnTo>
                    <a:pt x="973" y="735"/>
                  </a:lnTo>
                  <a:lnTo>
                    <a:pt x="973" y="714"/>
                  </a:lnTo>
                  <a:lnTo>
                    <a:pt x="978" y="684"/>
                  </a:lnTo>
                  <a:close/>
                  <a:moveTo>
                    <a:pt x="1383" y="1743"/>
                  </a:moveTo>
                  <a:lnTo>
                    <a:pt x="1383" y="1843"/>
                  </a:lnTo>
                  <a:lnTo>
                    <a:pt x="1057" y="1843"/>
                  </a:lnTo>
                  <a:lnTo>
                    <a:pt x="1057" y="1743"/>
                  </a:lnTo>
                  <a:lnTo>
                    <a:pt x="1141" y="1743"/>
                  </a:lnTo>
                  <a:lnTo>
                    <a:pt x="1141" y="1792"/>
                  </a:lnTo>
                  <a:lnTo>
                    <a:pt x="1292" y="1792"/>
                  </a:lnTo>
                  <a:lnTo>
                    <a:pt x="1292" y="1743"/>
                  </a:lnTo>
                  <a:lnTo>
                    <a:pt x="1383" y="1743"/>
                  </a:lnTo>
                  <a:close/>
                  <a:moveTo>
                    <a:pt x="1927" y="2021"/>
                  </a:moveTo>
                  <a:lnTo>
                    <a:pt x="1927" y="2007"/>
                  </a:lnTo>
                  <a:lnTo>
                    <a:pt x="1904" y="2007"/>
                  </a:lnTo>
                  <a:lnTo>
                    <a:pt x="1904" y="2021"/>
                  </a:lnTo>
                  <a:lnTo>
                    <a:pt x="1855" y="2021"/>
                  </a:lnTo>
                  <a:lnTo>
                    <a:pt x="1855" y="2007"/>
                  </a:lnTo>
                  <a:lnTo>
                    <a:pt x="1808" y="2007"/>
                  </a:lnTo>
                  <a:lnTo>
                    <a:pt x="1808" y="2021"/>
                  </a:lnTo>
                  <a:lnTo>
                    <a:pt x="1684" y="2021"/>
                  </a:lnTo>
                  <a:lnTo>
                    <a:pt x="1684" y="1867"/>
                  </a:lnTo>
                  <a:lnTo>
                    <a:pt x="1787" y="1867"/>
                  </a:lnTo>
                  <a:lnTo>
                    <a:pt x="1813" y="1843"/>
                  </a:lnTo>
                  <a:lnTo>
                    <a:pt x="1684" y="1843"/>
                  </a:lnTo>
                  <a:lnTo>
                    <a:pt x="1684" y="1731"/>
                  </a:lnTo>
                  <a:lnTo>
                    <a:pt x="1897" y="1610"/>
                  </a:lnTo>
                  <a:lnTo>
                    <a:pt x="1897" y="1594"/>
                  </a:lnTo>
                  <a:lnTo>
                    <a:pt x="1922" y="1594"/>
                  </a:lnTo>
                  <a:lnTo>
                    <a:pt x="1922" y="1566"/>
                  </a:lnTo>
                  <a:lnTo>
                    <a:pt x="1897" y="1566"/>
                  </a:lnTo>
                  <a:lnTo>
                    <a:pt x="1897" y="1559"/>
                  </a:lnTo>
                  <a:lnTo>
                    <a:pt x="1920" y="1559"/>
                  </a:lnTo>
                  <a:lnTo>
                    <a:pt x="1920" y="1559"/>
                  </a:lnTo>
                  <a:lnTo>
                    <a:pt x="1925" y="1556"/>
                  </a:lnTo>
                  <a:lnTo>
                    <a:pt x="1936" y="1549"/>
                  </a:lnTo>
                  <a:lnTo>
                    <a:pt x="1941" y="1545"/>
                  </a:lnTo>
                  <a:lnTo>
                    <a:pt x="1946" y="1538"/>
                  </a:lnTo>
                  <a:lnTo>
                    <a:pt x="1950" y="1528"/>
                  </a:lnTo>
                  <a:lnTo>
                    <a:pt x="1950" y="1519"/>
                  </a:lnTo>
                  <a:lnTo>
                    <a:pt x="1950" y="1519"/>
                  </a:lnTo>
                  <a:lnTo>
                    <a:pt x="1950" y="1507"/>
                  </a:lnTo>
                  <a:lnTo>
                    <a:pt x="1946" y="1500"/>
                  </a:lnTo>
                  <a:lnTo>
                    <a:pt x="1941" y="1493"/>
                  </a:lnTo>
                  <a:lnTo>
                    <a:pt x="1936" y="1489"/>
                  </a:lnTo>
                  <a:lnTo>
                    <a:pt x="1927" y="1486"/>
                  </a:lnTo>
                  <a:lnTo>
                    <a:pt x="1922" y="1484"/>
                  </a:lnTo>
                  <a:lnTo>
                    <a:pt x="1803" y="1484"/>
                  </a:lnTo>
                  <a:lnTo>
                    <a:pt x="1803" y="1395"/>
                  </a:lnTo>
                  <a:lnTo>
                    <a:pt x="1677" y="1395"/>
                  </a:lnTo>
                  <a:lnTo>
                    <a:pt x="1710" y="1365"/>
                  </a:lnTo>
                  <a:lnTo>
                    <a:pt x="1710" y="1328"/>
                  </a:lnTo>
                  <a:lnTo>
                    <a:pt x="1689" y="1328"/>
                  </a:lnTo>
                  <a:lnTo>
                    <a:pt x="1689" y="1314"/>
                  </a:lnTo>
                  <a:lnTo>
                    <a:pt x="1724" y="1314"/>
                  </a:lnTo>
                  <a:lnTo>
                    <a:pt x="1831" y="1314"/>
                  </a:lnTo>
                  <a:lnTo>
                    <a:pt x="1890" y="1283"/>
                  </a:lnTo>
                  <a:lnTo>
                    <a:pt x="1932" y="1293"/>
                  </a:lnTo>
                  <a:lnTo>
                    <a:pt x="2006" y="1505"/>
                  </a:lnTo>
                  <a:lnTo>
                    <a:pt x="2027" y="1542"/>
                  </a:lnTo>
                  <a:lnTo>
                    <a:pt x="2004" y="1561"/>
                  </a:lnTo>
                  <a:lnTo>
                    <a:pt x="2004" y="1580"/>
                  </a:lnTo>
                  <a:lnTo>
                    <a:pt x="2044" y="1580"/>
                  </a:lnTo>
                  <a:lnTo>
                    <a:pt x="2044" y="1519"/>
                  </a:lnTo>
                  <a:lnTo>
                    <a:pt x="1964" y="1269"/>
                  </a:lnTo>
                  <a:lnTo>
                    <a:pt x="1696" y="1269"/>
                  </a:lnTo>
                  <a:lnTo>
                    <a:pt x="1666" y="1241"/>
                  </a:lnTo>
                  <a:lnTo>
                    <a:pt x="1614" y="1241"/>
                  </a:lnTo>
                  <a:lnTo>
                    <a:pt x="1596" y="1258"/>
                  </a:lnTo>
                  <a:lnTo>
                    <a:pt x="1596" y="1307"/>
                  </a:lnTo>
                  <a:lnTo>
                    <a:pt x="1619" y="1307"/>
                  </a:lnTo>
                  <a:lnTo>
                    <a:pt x="1619" y="1328"/>
                  </a:lnTo>
                  <a:lnTo>
                    <a:pt x="1386" y="1328"/>
                  </a:lnTo>
                  <a:lnTo>
                    <a:pt x="1351" y="1195"/>
                  </a:lnTo>
                  <a:lnTo>
                    <a:pt x="1607" y="1001"/>
                  </a:lnTo>
                  <a:lnTo>
                    <a:pt x="1673" y="1001"/>
                  </a:lnTo>
                  <a:lnTo>
                    <a:pt x="1852" y="1071"/>
                  </a:lnTo>
                  <a:lnTo>
                    <a:pt x="1883" y="1071"/>
                  </a:lnTo>
                  <a:lnTo>
                    <a:pt x="1908" y="1099"/>
                  </a:lnTo>
                  <a:lnTo>
                    <a:pt x="1908" y="1169"/>
                  </a:lnTo>
                  <a:lnTo>
                    <a:pt x="1892" y="1169"/>
                  </a:lnTo>
                  <a:lnTo>
                    <a:pt x="1892" y="1206"/>
                  </a:lnTo>
                  <a:lnTo>
                    <a:pt x="1932" y="1206"/>
                  </a:lnTo>
                  <a:lnTo>
                    <a:pt x="1932" y="1038"/>
                  </a:lnTo>
                  <a:lnTo>
                    <a:pt x="1866" y="1038"/>
                  </a:lnTo>
                  <a:lnTo>
                    <a:pt x="1675" y="912"/>
                  </a:lnTo>
                  <a:lnTo>
                    <a:pt x="1675" y="912"/>
                  </a:lnTo>
                  <a:lnTo>
                    <a:pt x="1467" y="1029"/>
                  </a:lnTo>
                  <a:lnTo>
                    <a:pt x="1325" y="1108"/>
                  </a:lnTo>
                  <a:lnTo>
                    <a:pt x="1257" y="1146"/>
                  </a:lnTo>
                  <a:lnTo>
                    <a:pt x="1257" y="1146"/>
                  </a:lnTo>
                  <a:lnTo>
                    <a:pt x="1255" y="1139"/>
                  </a:lnTo>
                  <a:lnTo>
                    <a:pt x="1255" y="1122"/>
                  </a:lnTo>
                  <a:lnTo>
                    <a:pt x="1255" y="1073"/>
                  </a:lnTo>
                  <a:lnTo>
                    <a:pt x="1257" y="1003"/>
                  </a:lnTo>
                  <a:lnTo>
                    <a:pt x="1236" y="947"/>
                  </a:lnTo>
                  <a:lnTo>
                    <a:pt x="1183" y="947"/>
                  </a:lnTo>
                  <a:lnTo>
                    <a:pt x="1166" y="712"/>
                  </a:lnTo>
                  <a:lnTo>
                    <a:pt x="1159" y="614"/>
                  </a:lnTo>
                  <a:lnTo>
                    <a:pt x="1159" y="614"/>
                  </a:lnTo>
                  <a:lnTo>
                    <a:pt x="1159" y="614"/>
                  </a:lnTo>
                  <a:lnTo>
                    <a:pt x="1155" y="558"/>
                  </a:lnTo>
                  <a:lnTo>
                    <a:pt x="1157" y="558"/>
                  </a:lnTo>
                  <a:lnTo>
                    <a:pt x="1155" y="558"/>
                  </a:lnTo>
                  <a:lnTo>
                    <a:pt x="1143" y="415"/>
                  </a:lnTo>
                  <a:lnTo>
                    <a:pt x="1143" y="415"/>
                  </a:lnTo>
                  <a:lnTo>
                    <a:pt x="1143" y="285"/>
                  </a:lnTo>
                  <a:lnTo>
                    <a:pt x="1103" y="285"/>
                  </a:lnTo>
                  <a:lnTo>
                    <a:pt x="1103" y="201"/>
                  </a:lnTo>
                  <a:lnTo>
                    <a:pt x="1103" y="184"/>
                  </a:lnTo>
                  <a:lnTo>
                    <a:pt x="1103" y="161"/>
                  </a:lnTo>
                  <a:lnTo>
                    <a:pt x="1129" y="161"/>
                  </a:lnTo>
                  <a:lnTo>
                    <a:pt x="1129" y="133"/>
                  </a:lnTo>
                  <a:lnTo>
                    <a:pt x="1103" y="133"/>
                  </a:lnTo>
                  <a:lnTo>
                    <a:pt x="1103" y="126"/>
                  </a:lnTo>
                  <a:lnTo>
                    <a:pt x="1094" y="126"/>
                  </a:lnTo>
                  <a:lnTo>
                    <a:pt x="1094" y="61"/>
                  </a:lnTo>
                  <a:lnTo>
                    <a:pt x="1094" y="9"/>
                  </a:lnTo>
                  <a:lnTo>
                    <a:pt x="1066" y="9"/>
                  </a:lnTo>
                  <a:lnTo>
                    <a:pt x="1066" y="61"/>
                  </a:lnTo>
                  <a:lnTo>
                    <a:pt x="1057" y="61"/>
                  </a:lnTo>
                  <a:lnTo>
                    <a:pt x="1057" y="0"/>
                  </a:lnTo>
                  <a:lnTo>
                    <a:pt x="1029" y="0"/>
                  </a:lnTo>
                  <a:lnTo>
                    <a:pt x="1029" y="110"/>
                  </a:lnTo>
                  <a:lnTo>
                    <a:pt x="1020" y="110"/>
                  </a:lnTo>
                  <a:lnTo>
                    <a:pt x="1020" y="9"/>
                  </a:lnTo>
                  <a:lnTo>
                    <a:pt x="994" y="9"/>
                  </a:lnTo>
                  <a:lnTo>
                    <a:pt x="994" y="133"/>
                  </a:lnTo>
                  <a:lnTo>
                    <a:pt x="954" y="133"/>
                  </a:lnTo>
                  <a:lnTo>
                    <a:pt x="954" y="161"/>
                  </a:lnTo>
                  <a:lnTo>
                    <a:pt x="980" y="161"/>
                  </a:lnTo>
                  <a:lnTo>
                    <a:pt x="980" y="175"/>
                  </a:lnTo>
                  <a:lnTo>
                    <a:pt x="994" y="175"/>
                  </a:lnTo>
                  <a:lnTo>
                    <a:pt x="994" y="187"/>
                  </a:lnTo>
                  <a:lnTo>
                    <a:pt x="980" y="187"/>
                  </a:lnTo>
                  <a:lnTo>
                    <a:pt x="980" y="212"/>
                  </a:lnTo>
                  <a:lnTo>
                    <a:pt x="994" y="212"/>
                  </a:lnTo>
                  <a:lnTo>
                    <a:pt x="994" y="222"/>
                  </a:lnTo>
                  <a:lnTo>
                    <a:pt x="980" y="222"/>
                  </a:lnTo>
                  <a:lnTo>
                    <a:pt x="980" y="250"/>
                  </a:lnTo>
                  <a:lnTo>
                    <a:pt x="994" y="250"/>
                  </a:lnTo>
                  <a:lnTo>
                    <a:pt x="994" y="261"/>
                  </a:lnTo>
                  <a:lnTo>
                    <a:pt x="980" y="261"/>
                  </a:lnTo>
                  <a:lnTo>
                    <a:pt x="980" y="285"/>
                  </a:lnTo>
                  <a:lnTo>
                    <a:pt x="968" y="285"/>
                  </a:lnTo>
                  <a:lnTo>
                    <a:pt x="968" y="415"/>
                  </a:lnTo>
                  <a:lnTo>
                    <a:pt x="945" y="712"/>
                  </a:lnTo>
                  <a:lnTo>
                    <a:pt x="926" y="1001"/>
                  </a:lnTo>
                  <a:lnTo>
                    <a:pt x="926" y="1143"/>
                  </a:lnTo>
                  <a:lnTo>
                    <a:pt x="656" y="1171"/>
                  </a:lnTo>
                  <a:lnTo>
                    <a:pt x="646" y="1171"/>
                  </a:lnTo>
                  <a:lnTo>
                    <a:pt x="646" y="1174"/>
                  </a:lnTo>
                  <a:lnTo>
                    <a:pt x="581" y="1181"/>
                  </a:lnTo>
                  <a:lnTo>
                    <a:pt x="581" y="1164"/>
                  </a:lnTo>
                  <a:lnTo>
                    <a:pt x="609" y="1164"/>
                  </a:lnTo>
                  <a:lnTo>
                    <a:pt x="609" y="1139"/>
                  </a:lnTo>
                  <a:lnTo>
                    <a:pt x="520" y="1139"/>
                  </a:lnTo>
                  <a:lnTo>
                    <a:pt x="520" y="1164"/>
                  </a:lnTo>
                  <a:lnTo>
                    <a:pt x="546" y="1164"/>
                  </a:lnTo>
                  <a:lnTo>
                    <a:pt x="546" y="1183"/>
                  </a:lnTo>
                  <a:lnTo>
                    <a:pt x="481" y="1190"/>
                  </a:lnTo>
                  <a:lnTo>
                    <a:pt x="481" y="1190"/>
                  </a:lnTo>
                  <a:lnTo>
                    <a:pt x="359" y="1190"/>
                  </a:lnTo>
                  <a:lnTo>
                    <a:pt x="254" y="1232"/>
                  </a:lnTo>
                  <a:lnTo>
                    <a:pt x="254" y="1262"/>
                  </a:lnTo>
                  <a:lnTo>
                    <a:pt x="292" y="1262"/>
                  </a:lnTo>
                  <a:lnTo>
                    <a:pt x="292" y="1332"/>
                  </a:lnTo>
                  <a:lnTo>
                    <a:pt x="315" y="1332"/>
                  </a:lnTo>
                  <a:lnTo>
                    <a:pt x="315" y="1367"/>
                  </a:lnTo>
                  <a:lnTo>
                    <a:pt x="345" y="1367"/>
                  </a:lnTo>
                  <a:lnTo>
                    <a:pt x="345" y="1244"/>
                  </a:lnTo>
                  <a:lnTo>
                    <a:pt x="415" y="1244"/>
                  </a:lnTo>
                  <a:lnTo>
                    <a:pt x="427" y="1272"/>
                  </a:lnTo>
                  <a:lnTo>
                    <a:pt x="511" y="1272"/>
                  </a:lnTo>
                  <a:lnTo>
                    <a:pt x="511" y="1316"/>
                  </a:lnTo>
                  <a:lnTo>
                    <a:pt x="511" y="1316"/>
                  </a:lnTo>
                  <a:lnTo>
                    <a:pt x="506" y="1307"/>
                  </a:lnTo>
                  <a:lnTo>
                    <a:pt x="497" y="1300"/>
                  </a:lnTo>
                  <a:lnTo>
                    <a:pt x="488" y="1295"/>
                  </a:lnTo>
                  <a:lnTo>
                    <a:pt x="476" y="1293"/>
                  </a:lnTo>
                  <a:lnTo>
                    <a:pt x="476" y="1293"/>
                  </a:lnTo>
                  <a:lnTo>
                    <a:pt x="469" y="1293"/>
                  </a:lnTo>
                  <a:lnTo>
                    <a:pt x="462" y="1295"/>
                  </a:lnTo>
                  <a:lnTo>
                    <a:pt x="450" y="1304"/>
                  </a:lnTo>
                  <a:lnTo>
                    <a:pt x="443" y="1316"/>
                  </a:lnTo>
                  <a:lnTo>
                    <a:pt x="441" y="1323"/>
                  </a:lnTo>
                  <a:lnTo>
                    <a:pt x="439" y="1330"/>
                  </a:lnTo>
                  <a:lnTo>
                    <a:pt x="439" y="1330"/>
                  </a:lnTo>
                  <a:lnTo>
                    <a:pt x="441" y="1342"/>
                  </a:lnTo>
                  <a:lnTo>
                    <a:pt x="446" y="1351"/>
                  </a:lnTo>
                  <a:lnTo>
                    <a:pt x="453" y="1358"/>
                  </a:lnTo>
                  <a:lnTo>
                    <a:pt x="462" y="1365"/>
                  </a:lnTo>
                  <a:lnTo>
                    <a:pt x="462" y="1386"/>
                  </a:lnTo>
                  <a:lnTo>
                    <a:pt x="392" y="1386"/>
                  </a:lnTo>
                  <a:lnTo>
                    <a:pt x="392" y="1423"/>
                  </a:lnTo>
                  <a:lnTo>
                    <a:pt x="93" y="1423"/>
                  </a:lnTo>
                  <a:lnTo>
                    <a:pt x="93" y="1489"/>
                  </a:lnTo>
                  <a:lnTo>
                    <a:pt x="198" y="1489"/>
                  </a:lnTo>
                  <a:lnTo>
                    <a:pt x="301" y="1561"/>
                  </a:lnTo>
                  <a:lnTo>
                    <a:pt x="201" y="1561"/>
                  </a:lnTo>
                  <a:lnTo>
                    <a:pt x="201" y="1610"/>
                  </a:lnTo>
                  <a:lnTo>
                    <a:pt x="408" y="1738"/>
                  </a:lnTo>
                  <a:lnTo>
                    <a:pt x="408" y="1843"/>
                  </a:lnTo>
                  <a:lnTo>
                    <a:pt x="280" y="1843"/>
                  </a:lnTo>
                  <a:lnTo>
                    <a:pt x="310" y="1867"/>
                  </a:lnTo>
                  <a:lnTo>
                    <a:pt x="408" y="1867"/>
                  </a:lnTo>
                  <a:lnTo>
                    <a:pt x="408" y="2021"/>
                  </a:lnTo>
                  <a:lnTo>
                    <a:pt x="280" y="2021"/>
                  </a:lnTo>
                  <a:lnTo>
                    <a:pt x="280" y="2007"/>
                  </a:lnTo>
                  <a:lnTo>
                    <a:pt x="233" y="2007"/>
                  </a:lnTo>
                  <a:lnTo>
                    <a:pt x="233" y="2021"/>
                  </a:lnTo>
                  <a:lnTo>
                    <a:pt x="184" y="2021"/>
                  </a:lnTo>
                  <a:lnTo>
                    <a:pt x="184" y="2007"/>
                  </a:lnTo>
                  <a:lnTo>
                    <a:pt x="161" y="2007"/>
                  </a:lnTo>
                  <a:lnTo>
                    <a:pt x="161" y="2021"/>
                  </a:lnTo>
                  <a:lnTo>
                    <a:pt x="0" y="2021"/>
                  </a:lnTo>
                  <a:lnTo>
                    <a:pt x="133" y="2060"/>
                  </a:lnTo>
                  <a:lnTo>
                    <a:pt x="133" y="2154"/>
                  </a:lnTo>
                  <a:lnTo>
                    <a:pt x="133" y="2154"/>
                  </a:lnTo>
                  <a:lnTo>
                    <a:pt x="135" y="2165"/>
                  </a:lnTo>
                  <a:lnTo>
                    <a:pt x="140" y="2177"/>
                  </a:lnTo>
                  <a:lnTo>
                    <a:pt x="147" y="2182"/>
                  </a:lnTo>
                  <a:lnTo>
                    <a:pt x="156" y="2186"/>
                  </a:lnTo>
                  <a:lnTo>
                    <a:pt x="173" y="2191"/>
                  </a:lnTo>
                  <a:lnTo>
                    <a:pt x="180" y="2191"/>
                  </a:lnTo>
                  <a:lnTo>
                    <a:pt x="296" y="2191"/>
                  </a:lnTo>
                  <a:lnTo>
                    <a:pt x="329" y="2268"/>
                  </a:lnTo>
                  <a:lnTo>
                    <a:pt x="443" y="2268"/>
                  </a:lnTo>
                  <a:lnTo>
                    <a:pt x="443" y="2191"/>
                  </a:lnTo>
                  <a:lnTo>
                    <a:pt x="1043" y="2191"/>
                  </a:lnTo>
                  <a:lnTo>
                    <a:pt x="1043" y="2214"/>
                  </a:lnTo>
                  <a:lnTo>
                    <a:pt x="1029" y="2214"/>
                  </a:lnTo>
                  <a:lnTo>
                    <a:pt x="1029" y="2242"/>
                  </a:lnTo>
                  <a:lnTo>
                    <a:pt x="1057" y="2242"/>
                  </a:lnTo>
                  <a:lnTo>
                    <a:pt x="1057" y="2191"/>
                  </a:lnTo>
                  <a:lnTo>
                    <a:pt x="1652" y="2191"/>
                  </a:lnTo>
                  <a:lnTo>
                    <a:pt x="1682" y="2268"/>
                  </a:lnTo>
                  <a:lnTo>
                    <a:pt x="1803" y="2268"/>
                  </a:lnTo>
                  <a:lnTo>
                    <a:pt x="1803" y="2186"/>
                  </a:lnTo>
                  <a:lnTo>
                    <a:pt x="1913" y="2186"/>
                  </a:lnTo>
                  <a:lnTo>
                    <a:pt x="1913" y="2186"/>
                  </a:lnTo>
                  <a:lnTo>
                    <a:pt x="1927" y="2184"/>
                  </a:lnTo>
                  <a:lnTo>
                    <a:pt x="1939" y="2179"/>
                  </a:lnTo>
                  <a:lnTo>
                    <a:pt x="1948" y="2175"/>
                  </a:lnTo>
                  <a:lnTo>
                    <a:pt x="1955" y="2168"/>
                  </a:lnTo>
                  <a:lnTo>
                    <a:pt x="1960" y="2156"/>
                  </a:lnTo>
                  <a:lnTo>
                    <a:pt x="1962" y="2151"/>
                  </a:lnTo>
                  <a:lnTo>
                    <a:pt x="1962" y="2060"/>
                  </a:lnTo>
                  <a:lnTo>
                    <a:pt x="2088" y="2021"/>
                  </a:lnTo>
                  <a:lnTo>
                    <a:pt x="1927" y="2021"/>
                  </a:lnTo>
                  <a:close/>
                </a:path>
              </a:pathLst>
            </a:custGeom>
            <a:solidFill>
              <a:schemeClr val="bg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283" name="Freeform 6">
              <a:extLst>
                <a:ext uri="{FF2B5EF4-FFF2-40B4-BE49-F238E27FC236}">
                  <a16:creationId xmlns:a16="http://schemas.microsoft.com/office/drawing/2014/main" id="{56529F6F-A8A4-41EA-B114-ABB36D6DE8F1}"/>
                </a:ext>
              </a:extLst>
            </p:cNvPr>
            <p:cNvSpPr>
              <a:spLocks/>
            </p:cNvSpPr>
            <p:nvPr/>
          </p:nvSpPr>
          <p:spPr bwMode="auto">
            <a:xfrm>
              <a:off x="2893" y="2341"/>
              <a:ext cx="326" cy="166"/>
            </a:xfrm>
            <a:custGeom>
              <a:avLst/>
              <a:gdLst>
                <a:gd name="T0" fmla="*/ 0 w 326"/>
                <a:gd name="T1" fmla="*/ 0 h 166"/>
                <a:gd name="T2" fmla="*/ 221 w 326"/>
                <a:gd name="T3" fmla="*/ 12 h 166"/>
                <a:gd name="T4" fmla="*/ 326 w 326"/>
                <a:gd name="T5" fmla="*/ 12 h 166"/>
                <a:gd name="T6" fmla="*/ 326 w 326"/>
                <a:gd name="T7" fmla="*/ 166 h 166"/>
                <a:gd name="T8" fmla="*/ 277 w 326"/>
                <a:gd name="T9" fmla="*/ 166 h 166"/>
                <a:gd name="T10" fmla="*/ 277 w 326"/>
                <a:gd name="T11" fmla="*/ 147 h 166"/>
                <a:gd name="T12" fmla="*/ 193 w 326"/>
                <a:gd name="T13" fmla="*/ 147 h 166"/>
                <a:gd name="T14" fmla="*/ 193 w 326"/>
                <a:gd name="T15" fmla="*/ 166 h 166"/>
                <a:gd name="T16" fmla="*/ 0 w 326"/>
                <a:gd name="T17" fmla="*/ 166 h 166"/>
                <a:gd name="T18" fmla="*/ 0 w 326"/>
                <a:gd name="T19" fmla="*/ 0 h 1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26" h="166">
                  <a:moveTo>
                    <a:pt x="0" y="0"/>
                  </a:moveTo>
                  <a:lnTo>
                    <a:pt x="221" y="12"/>
                  </a:lnTo>
                  <a:lnTo>
                    <a:pt x="326" y="12"/>
                  </a:lnTo>
                  <a:lnTo>
                    <a:pt x="326" y="166"/>
                  </a:lnTo>
                  <a:lnTo>
                    <a:pt x="277" y="166"/>
                  </a:lnTo>
                  <a:lnTo>
                    <a:pt x="277" y="147"/>
                  </a:lnTo>
                  <a:lnTo>
                    <a:pt x="193" y="147"/>
                  </a:lnTo>
                  <a:lnTo>
                    <a:pt x="193" y="166"/>
                  </a:lnTo>
                  <a:lnTo>
                    <a:pt x="0" y="166"/>
                  </a:lnTo>
                  <a:lnTo>
                    <a:pt x="0"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284" name="Freeform 7">
              <a:extLst>
                <a:ext uri="{FF2B5EF4-FFF2-40B4-BE49-F238E27FC236}">
                  <a16:creationId xmlns:a16="http://schemas.microsoft.com/office/drawing/2014/main" id="{1DA1BFE7-7772-4E36-9AFB-47B411D9B877}"/>
                </a:ext>
              </a:extLst>
            </p:cNvPr>
            <p:cNvSpPr>
              <a:spLocks/>
            </p:cNvSpPr>
            <p:nvPr/>
          </p:nvSpPr>
          <p:spPr bwMode="auto">
            <a:xfrm>
              <a:off x="2531" y="2341"/>
              <a:ext cx="348" cy="166"/>
            </a:xfrm>
            <a:custGeom>
              <a:avLst/>
              <a:gdLst>
                <a:gd name="T0" fmla="*/ 152 w 348"/>
                <a:gd name="T1" fmla="*/ 166 h 166"/>
                <a:gd name="T2" fmla="*/ 152 w 348"/>
                <a:gd name="T3" fmla="*/ 147 h 166"/>
                <a:gd name="T4" fmla="*/ 68 w 348"/>
                <a:gd name="T5" fmla="*/ 147 h 166"/>
                <a:gd name="T6" fmla="*/ 68 w 348"/>
                <a:gd name="T7" fmla="*/ 166 h 166"/>
                <a:gd name="T8" fmla="*/ 0 w 348"/>
                <a:gd name="T9" fmla="*/ 166 h 166"/>
                <a:gd name="T10" fmla="*/ 0 w 348"/>
                <a:gd name="T11" fmla="*/ 12 h 166"/>
                <a:gd name="T12" fmla="*/ 108 w 348"/>
                <a:gd name="T13" fmla="*/ 12 h 166"/>
                <a:gd name="T14" fmla="*/ 348 w 348"/>
                <a:gd name="T15" fmla="*/ 0 h 166"/>
                <a:gd name="T16" fmla="*/ 348 w 348"/>
                <a:gd name="T17" fmla="*/ 166 h 166"/>
                <a:gd name="T18" fmla="*/ 152 w 348"/>
                <a:gd name="T19" fmla="*/ 166 h 1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48" h="166">
                  <a:moveTo>
                    <a:pt x="152" y="166"/>
                  </a:moveTo>
                  <a:lnTo>
                    <a:pt x="152" y="147"/>
                  </a:lnTo>
                  <a:lnTo>
                    <a:pt x="68" y="147"/>
                  </a:lnTo>
                  <a:lnTo>
                    <a:pt x="68" y="166"/>
                  </a:lnTo>
                  <a:lnTo>
                    <a:pt x="0" y="166"/>
                  </a:lnTo>
                  <a:lnTo>
                    <a:pt x="0" y="12"/>
                  </a:lnTo>
                  <a:lnTo>
                    <a:pt x="108" y="12"/>
                  </a:lnTo>
                  <a:lnTo>
                    <a:pt x="348" y="0"/>
                  </a:lnTo>
                  <a:lnTo>
                    <a:pt x="348" y="166"/>
                  </a:lnTo>
                  <a:lnTo>
                    <a:pt x="152" y="166"/>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285" name="Freeform 8">
              <a:extLst>
                <a:ext uri="{FF2B5EF4-FFF2-40B4-BE49-F238E27FC236}">
                  <a16:creationId xmlns:a16="http://schemas.microsoft.com/office/drawing/2014/main" id="{9DB2FB80-53EC-4AD9-8268-C3234190976C}"/>
                </a:ext>
              </a:extLst>
            </p:cNvPr>
            <p:cNvSpPr>
              <a:spLocks/>
            </p:cNvSpPr>
            <p:nvPr/>
          </p:nvSpPr>
          <p:spPr bwMode="auto">
            <a:xfrm>
              <a:off x="2531" y="2229"/>
              <a:ext cx="348" cy="100"/>
            </a:xfrm>
            <a:custGeom>
              <a:avLst/>
              <a:gdLst>
                <a:gd name="T0" fmla="*/ 0 w 348"/>
                <a:gd name="T1" fmla="*/ 0 h 100"/>
                <a:gd name="T2" fmla="*/ 98 w 348"/>
                <a:gd name="T3" fmla="*/ 0 h 100"/>
                <a:gd name="T4" fmla="*/ 98 w 348"/>
                <a:gd name="T5" fmla="*/ 49 h 100"/>
                <a:gd name="T6" fmla="*/ 250 w 348"/>
                <a:gd name="T7" fmla="*/ 49 h 100"/>
                <a:gd name="T8" fmla="*/ 250 w 348"/>
                <a:gd name="T9" fmla="*/ 0 h 100"/>
                <a:gd name="T10" fmla="*/ 348 w 348"/>
                <a:gd name="T11" fmla="*/ 0 h 100"/>
                <a:gd name="T12" fmla="*/ 348 w 348"/>
                <a:gd name="T13" fmla="*/ 100 h 100"/>
                <a:gd name="T14" fmla="*/ 0 w 348"/>
                <a:gd name="T15" fmla="*/ 100 h 100"/>
                <a:gd name="T16" fmla="*/ 0 w 348"/>
                <a:gd name="T17" fmla="*/ 0 h 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48" h="100">
                  <a:moveTo>
                    <a:pt x="0" y="0"/>
                  </a:moveTo>
                  <a:lnTo>
                    <a:pt x="98" y="0"/>
                  </a:lnTo>
                  <a:lnTo>
                    <a:pt x="98" y="49"/>
                  </a:lnTo>
                  <a:lnTo>
                    <a:pt x="250" y="49"/>
                  </a:lnTo>
                  <a:lnTo>
                    <a:pt x="250" y="0"/>
                  </a:lnTo>
                  <a:lnTo>
                    <a:pt x="348" y="0"/>
                  </a:lnTo>
                  <a:lnTo>
                    <a:pt x="348" y="100"/>
                  </a:lnTo>
                  <a:lnTo>
                    <a:pt x="0" y="100"/>
                  </a:lnTo>
                  <a:lnTo>
                    <a:pt x="0"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286" name="Freeform 9">
              <a:extLst>
                <a:ext uri="{FF2B5EF4-FFF2-40B4-BE49-F238E27FC236}">
                  <a16:creationId xmlns:a16="http://schemas.microsoft.com/office/drawing/2014/main" id="{7B7989AD-ACFC-40BA-ACDC-4A47B9A87CCA}"/>
                </a:ext>
              </a:extLst>
            </p:cNvPr>
            <p:cNvSpPr>
              <a:spLocks/>
            </p:cNvSpPr>
            <p:nvPr/>
          </p:nvSpPr>
          <p:spPr bwMode="auto">
            <a:xfrm>
              <a:off x="2326" y="1830"/>
              <a:ext cx="21" cy="42"/>
            </a:xfrm>
            <a:custGeom>
              <a:avLst/>
              <a:gdLst>
                <a:gd name="T0" fmla="*/ 0 w 21"/>
                <a:gd name="T1" fmla="*/ 21 h 42"/>
                <a:gd name="T2" fmla="*/ 0 w 21"/>
                <a:gd name="T3" fmla="*/ 21 h 42"/>
                <a:gd name="T4" fmla="*/ 7 w 21"/>
                <a:gd name="T5" fmla="*/ 16 h 42"/>
                <a:gd name="T6" fmla="*/ 14 w 21"/>
                <a:gd name="T7" fmla="*/ 12 h 42"/>
                <a:gd name="T8" fmla="*/ 16 w 21"/>
                <a:gd name="T9" fmla="*/ 7 h 42"/>
                <a:gd name="T10" fmla="*/ 21 w 21"/>
                <a:gd name="T11" fmla="*/ 0 h 42"/>
                <a:gd name="T12" fmla="*/ 21 w 21"/>
                <a:gd name="T13" fmla="*/ 42 h 42"/>
                <a:gd name="T14" fmla="*/ 0 w 21"/>
                <a:gd name="T15" fmla="*/ 42 h 42"/>
                <a:gd name="T16" fmla="*/ 0 w 21"/>
                <a:gd name="T17" fmla="*/ 21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1" h="42">
                  <a:moveTo>
                    <a:pt x="0" y="21"/>
                  </a:moveTo>
                  <a:lnTo>
                    <a:pt x="0" y="21"/>
                  </a:lnTo>
                  <a:lnTo>
                    <a:pt x="7" y="16"/>
                  </a:lnTo>
                  <a:lnTo>
                    <a:pt x="14" y="12"/>
                  </a:lnTo>
                  <a:lnTo>
                    <a:pt x="16" y="7"/>
                  </a:lnTo>
                  <a:lnTo>
                    <a:pt x="21" y="0"/>
                  </a:lnTo>
                  <a:lnTo>
                    <a:pt x="21" y="42"/>
                  </a:lnTo>
                  <a:lnTo>
                    <a:pt x="0" y="42"/>
                  </a:lnTo>
                  <a:lnTo>
                    <a:pt x="0" y="21"/>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287" name="Freeform 10">
              <a:extLst>
                <a:ext uri="{FF2B5EF4-FFF2-40B4-BE49-F238E27FC236}">
                  <a16:creationId xmlns:a16="http://schemas.microsoft.com/office/drawing/2014/main" id="{E4CC25A6-918D-4535-ADD4-1AD1A4DCADDF}"/>
                </a:ext>
              </a:extLst>
            </p:cNvPr>
            <p:cNvSpPr>
              <a:spLocks/>
            </p:cNvSpPr>
            <p:nvPr/>
          </p:nvSpPr>
          <p:spPr bwMode="auto">
            <a:xfrm>
              <a:off x="2291" y="1793"/>
              <a:ext cx="44" cy="44"/>
            </a:xfrm>
            <a:custGeom>
              <a:avLst/>
              <a:gdLst>
                <a:gd name="T0" fmla="*/ 0 w 44"/>
                <a:gd name="T1" fmla="*/ 23 h 44"/>
                <a:gd name="T2" fmla="*/ 0 w 44"/>
                <a:gd name="T3" fmla="*/ 23 h 44"/>
                <a:gd name="T4" fmla="*/ 0 w 44"/>
                <a:gd name="T5" fmla="*/ 14 h 44"/>
                <a:gd name="T6" fmla="*/ 7 w 44"/>
                <a:gd name="T7" fmla="*/ 7 h 44"/>
                <a:gd name="T8" fmla="*/ 14 w 44"/>
                <a:gd name="T9" fmla="*/ 2 h 44"/>
                <a:gd name="T10" fmla="*/ 21 w 44"/>
                <a:gd name="T11" fmla="*/ 0 h 44"/>
                <a:gd name="T12" fmla="*/ 21 w 44"/>
                <a:gd name="T13" fmla="*/ 0 h 44"/>
                <a:gd name="T14" fmla="*/ 30 w 44"/>
                <a:gd name="T15" fmla="*/ 2 h 44"/>
                <a:gd name="T16" fmla="*/ 37 w 44"/>
                <a:gd name="T17" fmla="*/ 7 h 44"/>
                <a:gd name="T18" fmla="*/ 42 w 44"/>
                <a:gd name="T19" fmla="*/ 14 h 44"/>
                <a:gd name="T20" fmla="*/ 44 w 44"/>
                <a:gd name="T21" fmla="*/ 23 h 44"/>
                <a:gd name="T22" fmla="*/ 44 w 44"/>
                <a:gd name="T23" fmla="*/ 23 h 44"/>
                <a:gd name="T24" fmla="*/ 42 w 44"/>
                <a:gd name="T25" fmla="*/ 32 h 44"/>
                <a:gd name="T26" fmla="*/ 37 w 44"/>
                <a:gd name="T27" fmla="*/ 39 h 44"/>
                <a:gd name="T28" fmla="*/ 30 w 44"/>
                <a:gd name="T29" fmla="*/ 44 h 44"/>
                <a:gd name="T30" fmla="*/ 21 w 44"/>
                <a:gd name="T31" fmla="*/ 44 h 44"/>
                <a:gd name="T32" fmla="*/ 21 w 44"/>
                <a:gd name="T33" fmla="*/ 44 h 44"/>
                <a:gd name="T34" fmla="*/ 14 w 44"/>
                <a:gd name="T35" fmla="*/ 44 h 44"/>
                <a:gd name="T36" fmla="*/ 7 w 44"/>
                <a:gd name="T37" fmla="*/ 39 h 44"/>
                <a:gd name="T38" fmla="*/ 0 w 44"/>
                <a:gd name="T39" fmla="*/ 32 h 44"/>
                <a:gd name="T40" fmla="*/ 0 w 44"/>
                <a:gd name="T41" fmla="*/ 23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4" h="44">
                  <a:moveTo>
                    <a:pt x="0" y="23"/>
                  </a:moveTo>
                  <a:lnTo>
                    <a:pt x="0" y="23"/>
                  </a:lnTo>
                  <a:lnTo>
                    <a:pt x="0" y="14"/>
                  </a:lnTo>
                  <a:lnTo>
                    <a:pt x="7" y="7"/>
                  </a:lnTo>
                  <a:lnTo>
                    <a:pt x="14" y="2"/>
                  </a:lnTo>
                  <a:lnTo>
                    <a:pt x="21" y="0"/>
                  </a:lnTo>
                  <a:lnTo>
                    <a:pt x="21" y="0"/>
                  </a:lnTo>
                  <a:lnTo>
                    <a:pt x="30" y="2"/>
                  </a:lnTo>
                  <a:lnTo>
                    <a:pt x="37" y="7"/>
                  </a:lnTo>
                  <a:lnTo>
                    <a:pt x="42" y="14"/>
                  </a:lnTo>
                  <a:lnTo>
                    <a:pt x="44" y="23"/>
                  </a:lnTo>
                  <a:lnTo>
                    <a:pt x="44" y="23"/>
                  </a:lnTo>
                  <a:lnTo>
                    <a:pt x="42" y="32"/>
                  </a:lnTo>
                  <a:lnTo>
                    <a:pt x="37" y="39"/>
                  </a:lnTo>
                  <a:lnTo>
                    <a:pt x="30" y="44"/>
                  </a:lnTo>
                  <a:lnTo>
                    <a:pt x="21" y="44"/>
                  </a:lnTo>
                  <a:lnTo>
                    <a:pt x="21" y="44"/>
                  </a:lnTo>
                  <a:lnTo>
                    <a:pt x="14" y="44"/>
                  </a:lnTo>
                  <a:lnTo>
                    <a:pt x="7" y="39"/>
                  </a:lnTo>
                  <a:lnTo>
                    <a:pt x="0" y="32"/>
                  </a:lnTo>
                  <a:lnTo>
                    <a:pt x="0" y="23"/>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288" name="Freeform 11">
              <a:extLst>
                <a:ext uri="{FF2B5EF4-FFF2-40B4-BE49-F238E27FC236}">
                  <a16:creationId xmlns:a16="http://schemas.microsoft.com/office/drawing/2014/main" id="{B821F1AC-ECB7-40ED-A290-FD9F5FEAA62F}"/>
                </a:ext>
              </a:extLst>
            </p:cNvPr>
            <p:cNvSpPr>
              <a:spLocks/>
            </p:cNvSpPr>
            <p:nvPr/>
          </p:nvSpPr>
          <p:spPr bwMode="auto">
            <a:xfrm>
              <a:off x="2345" y="1685"/>
              <a:ext cx="37" cy="14"/>
            </a:xfrm>
            <a:custGeom>
              <a:avLst/>
              <a:gdLst>
                <a:gd name="T0" fmla="*/ 0 w 37"/>
                <a:gd name="T1" fmla="*/ 14 h 14"/>
                <a:gd name="T2" fmla="*/ 0 w 37"/>
                <a:gd name="T3" fmla="*/ 3 h 14"/>
                <a:gd name="T4" fmla="*/ 37 w 37"/>
                <a:gd name="T5" fmla="*/ 0 h 14"/>
                <a:gd name="T6" fmla="*/ 37 w 37"/>
                <a:gd name="T7" fmla="*/ 14 h 14"/>
                <a:gd name="T8" fmla="*/ 0 w 37"/>
                <a:gd name="T9" fmla="*/ 14 h 14"/>
              </a:gdLst>
              <a:ahLst/>
              <a:cxnLst>
                <a:cxn ang="0">
                  <a:pos x="T0" y="T1"/>
                </a:cxn>
                <a:cxn ang="0">
                  <a:pos x="T2" y="T3"/>
                </a:cxn>
                <a:cxn ang="0">
                  <a:pos x="T4" y="T5"/>
                </a:cxn>
                <a:cxn ang="0">
                  <a:pos x="T6" y="T7"/>
                </a:cxn>
                <a:cxn ang="0">
                  <a:pos x="T8" y="T9"/>
                </a:cxn>
              </a:cxnLst>
              <a:rect l="0" t="0" r="r" b="b"/>
              <a:pathLst>
                <a:path w="37" h="14">
                  <a:moveTo>
                    <a:pt x="0" y="14"/>
                  </a:moveTo>
                  <a:lnTo>
                    <a:pt x="0" y="3"/>
                  </a:lnTo>
                  <a:lnTo>
                    <a:pt x="37" y="0"/>
                  </a:lnTo>
                  <a:lnTo>
                    <a:pt x="37" y="14"/>
                  </a:lnTo>
                  <a:lnTo>
                    <a:pt x="0" y="1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289" name="Freeform 12">
              <a:extLst>
                <a:ext uri="{FF2B5EF4-FFF2-40B4-BE49-F238E27FC236}">
                  <a16:creationId xmlns:a16="http://schemas.microsoft.com/office/drawing/2014/main" id="{E7527B8F-9E98-438B-B605-12A22EE7898B}"/>
                </a:ext>
              </a:extLst>
            </p:cNvPr>
            <p:cNvSpPr>
              <a:spLocks/>
            </p:cNvSpPr>
            <p:nvPr/>
          </p:nvSpPr>
          <p:spPr bwMode="auto">
            <a:xfrm>
              <a:off x="2417" y="1674"/>
              <a:ext cx="65" cy="37"/>
            </a:xfrm>
            <a:custGeom>
              <a:avLst/>
              <a:gdLst>
                <a:gd name="T0" fmla="*/ 65 w 65"/>
                <a:gd name="T1" fmla="*/ 0 h 37"/>
                <a:gd name="T2" fmla="*/ 65 w 65"/>
                <a:gd name="T3" fmla="*/ 37 h 37"/>
                <a:gd name="T4" fmla="*/ 0 w 65"/>
                <a:gd name="T5" fmla="*/ 37 h 37"/>
                <a:gd name="T6" fmla="*/ 0 w 65"/>
                <a:gd name="T7" fmla="*/ 7 h 37"/>
                <a:gd name="T8" fmla="*/ 65 w 65"/>
                <a:gd name="T9" fmla="*/ 0 h 37"/>
              </a:gdLst>
              <a:ahLst/>
              <a:cxnLst>
                <a:cxn ang="0">
                  <a:pos x="T0" y="T1"/>
                </a:cxn>
                <a:cxn ang="0">
                  <a:pos x="T2" y="T3"/>
                </a:cxn>
                <a:cxn ang="0">
                  <a:pos x="T4" y="T5"/>
                </a:cxn>
                <a:cxn ang="0">
                  <a:pos x="T6" y="T7"/>
                </a:cxn>
                <a:cxn ang="0">
                  <a:pos x="T8" y="T9"/>
                </a:cxn>
              </a:cxnLst>
              <a:rect l="0" t="0" r="r" b="b"/>
              <a:pathLst>
                <a:path w="65" h="37">
                  <a:moveTo>
                    <a:pt x="65" y="0"/>
                  </a:moveTo>
                  <a:lnTo>
                    <a:pt x="65" y="37"/>
                  </a:lnTo>
                  <a:lnTo>
                    <a:pt x="0" y="37"/>
                  </a:lnTo>
                  <a:lnTo>
                    <a:pt x="0" y="7"/>
                  </a:lnTo>
                  <a:lnTo>
                    <a:pt x="65"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290" name="Freeform 13">
              <a:extLst>
                <a:ext uri="{FF2B5EF4-FFF2-40B4-BE49-F238E27FC236}">
                  <a16:creationId xmlns:a16="http://schemas.microsoft.com/office/drawing/2014/main" id="{F6ADA5E3-18C9-4F01-BF40-3CA736F204D4}"/>
                </a:ext>
              </a:extLst>
            </p:cNvPr>
            <p:cNvSpPr>
              <a:spLocks/>
            </p:cNvSpPr>
            <p:nvPr/>
          </p:nvSpPr>
          <p:spPr bwMode="auto">
            <a:xfrm>
              <a:off x="2510" y="1643"/>
              <a:ext cx="252" cy="68"/>
            </a:xfrm>
            <a:custGeom>
              <a:avLst/>
              <a:gdLst>
                <a:gd name="T0" fmla="*/ 252 w 252"/>
                <a:gd name="T1" fmla="*/ 68 h 68"/>
                <a:gd name="T2" fmla="*/ 241 w 252"/>
                <a:gd name="T3" fmla="*/ 68 h 68"/>
                <a:gd name="T4" fmla="*/ 241 w 252"/>
                <a:gd name="T5" fmla="*/ 10 h 68"/>
                <a:gd name="T6" fmla="*/ 213 w 252"/>
                <a:gd name="T7" fmla="*/ 10 h 68"/>
                <a:gd name="T8" fmla="*/ 213 w 252"/>
                <a:gd name="T9" fmla="*/ 68 h 68"/>
                <a:gd name="T10" fmla="*/ 0 w 252"/>
                <a:gd name="T11" fmla="*/ 68 h 68"/>
                <a:gd name="T12" fmla="*/ 0 w 252"/>
                <a:gd name="T13" fmla="*/ 28 h 68"/>
                <a:gd name="T14" fmla="*/ 252 w 252"/>
                <a:gd name="T15" fmla="*/ 0 h 68"/>
                <a:gd name="T16" fmla="*/ 252 w 252"/>
                <a:gd name="T17" fmla="*/ 68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52" h="68">
                  <a:moveTo>
                    <a:pt x="252" y="68"/>
                  </a:moveTo>
                  <a:lnTo>
                    <a:pt x="241" y="68"/>
                  </a:lnTo>
                  <a:lnTo>
                    <a:pt x="241" y="10"/>
                  </a:lnTo>
                  <a:lnTo>
                    <a:pt x="213" y="10"/>
                  </a:lnTo>
                  <a:lnTo>
                    <a:pt x="213" y="68"/>
                  </a:lnTo>
                  <a:lnTo>
                    <a:pt x="0" y="68"/>
                  </a:lnTo>
                  <a:lnTo>
                    <a:pt x="0" y="28"/>
                  </a:lnTo>
                  <a:lnTo>
                    <a:pt x="252" y="0"/>
                  </a:lnTo>
                  <a:lnTo>
                    <a:pt x="252" y="68"/>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291" name="Freeform 14">
              <a:extLst>
                <a:ext uri="{FF2B5EF4-FFF2-40B4-BE49-F238E27FC236}">
                  <a16:creationId xmlns:a16="http://schemas.microsoft.com/office/drawing/2014/main" id="{B06C7C79-3425-4FA1-AD64-CC310229C3DB}"/>
                </a:ext>
              </a:extLst>
            </p:cNvPr>
            <p:cNvSpPr>
              <a:spLocks/>
            </p:cNvSpPr>
            <p:nvPr/>
          </p:nvSpPr>
          <p:spPr bwMode="auto">
            <a:xfrm>
              <a:off x="2904" y="999"/>
              <a:ext cx="54" cy="35"/>
            </a:xfrm>
            <a:custGeom>
              <a:avLst/>
              <a:gdLst>
                <a:gd name="T0" fmla="*/ 0 w 54"/>
                <a:gd name="T1" fmla="*/ 17 h 35"/>
                <a:gd name="T2" fmla="*/ 52 w 54"/>
                <a:gd name="T3" fmla="*/ 0 h 35"/>
                <a:gd name="T4" fmla="*/ 54 w 54"/>
                <a:gd name="T5" fmla="*/ 35 h 35"/>
                <a:gd name="T6" fmla="*/ 0 w 54"/>
                <a:gd name="T7" fmla="*/ 17 h 35"/>
              </a:gdLst>
              <a:ahLst/>
              <a:cxnLst>
                <a:cxn ang="0">
                  <a:pos x="T0" y="T1"/>
                </a:cxn>
                <a:cxn ang="0">
                  <a:pos x="T2" y="T3"/>
                </a:cxn>
                <a:cxn ang="0">
                  <a:pos x="T4" y="T5"/>
                </a:cxn>
                <a:cxn ang="0">
                  <a:pos x="T6" y="T7"/>
                </a:cxn>
              </a:cxnLst>
              <a:rect l="0" t="0" r="r" b="b"/>
              <a:pathLst>
                <a:path w="54" h="35">
                  <a:moveTo>
                    <a:pt x="0" y="17"/>
                  </a:moveTo>
                  <a:lnTo>
                    <a:pt x="52" y="0"/>
                  </a:lnTo>
                  <a:lnTo>
                    <a:pt x="54" y="35"/>
                  </a:lnTo>
                  <a:lnTo>
                    <a:pt x="0" y="17"/>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292" name="Freeform 15">
              <a:extLst>
                <a:ext uri="{FF2B5EF4-FFF2-40B4-BE49-F238E27FC236}">
                  <a16:creationId xmlns:a16="http://schemas.microsoft.com/office/drawing/2014/main" id="{EAFEE49D-0D9C-4EEB-B39E-A8AD13F02B8B}"/>
                </a:ext>
              </a:extLst>
            </p:cNvPr>
            <p:cNvSpPr>
              <a:spLocks/>
            </p:cNvSpPr>
            <p:nvPr/>
          </p:nvSpPr>
          <p:spPr bwMode="auto">
            <a:xfrm>
              <a:off x="2907" y="1055"/>
              <a:ext cx="56" cy="35"/>
            </a:xfrm>
            <a:custGeom>
              <a:avLst/>
              <a:gdLst>
                <a:gd name="T0" fmla="*/ 56 w 56"/>
                <a:gd name="T1" fmla="*/ 35 h 35"/>
                <a:gd name="T2" fmla="*/ 0 w 56"/>
                <a:gd name="T3" fmla="*/ 17 h 35"/>
                <a:gd name="T4" fmla="*/ 53 w 56"/>
                <a:gd name="T5" fmla="*/ 0 h 35"/>
                <a:gd name="T6" fmla="*/ 56 w 56"/>
                <a:gd name="T7" fmla="*/ 35 h 35"/>
              </a:gdLst>
              <a:ahLst/>
              <a:cxnLst>
                <a:cxn ang="0">
                  <a:pos x="T0" y="T1"/>
                </a:cxn>
                <a:cxn ang="0">
                  <a:pos x="T2" y="T3"/>
                </a:cxn>
                <a:cxn ang="0">
                  <a:pos x="T4" y="T5"/>
                </a:cxn>
                <a:cxn ang="0">
                  <a:pos x="T6" y="T7"/>
                </a:cxn>
              </a:cxnLst>
              <a:rect l="0" t="0" r="r" b="b"/>
              <a:pathLst>
                <a:path w="56" h="35">
                  <a:moveTo>
                    <a:pt x="56" y="35"/>
                  </a:moveTo>
                  <a:lnTo>
                    <a:pt x="0" y="17"/>
                  </a:lnTo>
                  <a:lnTo>
                    <a:pt x="53" y="0"/>
                  </a:lnTo>
                  <a:lnTo>
                    <a:pt x="56" y="35"/>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293" name="Freeform 16">
              <a:extLst>
                <a:ext uri="{FF2B5EF4-FFF2-40B4-BE49-F238E27FC236}">
                  <a16:creationId xmlns:a16="http://schemas.microsoft.com/office/drawing/2014/main" id="{39DCA59F-B579-467A-B0D9-5A9589566F2C}"/>
                </a:ext>
              </a:extLst>
            </p:cNvPr>
            <p:cNvSpPr>
              <a:spLocks/>
            </p:cNvSpPr>
            <p:nvPr/>
          </p:nvSpPr>
          <p:spPr bwMode="auto">
            <a:xfrm>
              <a:off x="2900" y="1109"/>
              <a:ext cx="70" cy="47"/>
            </a:xfrm>
            <a:custGeom>
              <a:avLst/>
              <a:gdLst>
                <a:gd name="T0" fmla="*/ 70 w 70"/>
                <a:gd name="T1" fmla="*/ 47 h 47"/>
                <a:gd name="T2" fmla="*/ 0 w 70"/>
                <a:gd name="T3" fmla="*/ 23 h 47"/>
                <a:gd name="T4" fmla="*/ 65 w 70"/>
                <a:gd name="T5" fmla="*/ 0 h 47"/>
                <a:gd name="T6" fmla="*/ 70 w 70"/>
                <a:gd name="T7" fmla="*/ 47 h 47"/>
              </a:gdLst>
              <a:ahLst/>
              <a:cxnLst>
                <a:cxn ang="0">
                  <a:pos x="T0" y="T1"/>
                </a:cxn>
                <a:cxn ang="0">
                  <a:pos x="T2" y="T3"/>
                </a:cxn>
                <a:cxn ang="0">
                  <a:pos x="T4" y="T5"/>
                </a:cxn>
                <a:cxn ang="0">
                  <a:pos x="T6" y="T7"/>
                </a:cxn>
              </a:cxnLst>
              <a:rect l="0" t="0" r="r" b="b"/>
              <a:pathLst>
                <a:path w="70" h="47">
                  <a:moveTo>
                    <a:pt x="70" y="47"/>
                  </a:moveTo>
                  <a:lnTo>
                    <a:pt x="0" y="23"/>
                  </a:lnTo>
                  <a:lnTo>
                    <a:pt x="65" y="0"/>
                  </a:lnTo>
                  <a:lnTo>
                    <a:pt x="70" y="47"/>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294" name="Freeform 17">
              <a:extLst>
                <a:ext uri="{FF2B5EF4-FFF2-40B4-BE49-F238E27FC236}">
                  <a16:creationId xmlns:a16="http://schemas.microsoft.com/office/drawing/2014/main" id="{1CB79CB1-1DB0-44CE-8CD2-727DF58354F4}"/>
                </a:ext>
              </a:extLst>
            </p:cNvPr>
            <p:cNvSpPr>
              <a:spLocks/>
            </p:cNvSpPr>
            <p:nvPr/>
          </p:nvSpPr>
          <p:spPr bwMode="auto">
            <a:xfrm>
              <a:off x="2800" y="1688"/>
              <a:ext cx="65" cy="23"/>
            </a:xfrm>
            <a:custGeom>
              <a:avLst/>
              <a:gdLst>
                <a:gd name="T0" fmla="*/ 0 w 65"/>
                <a:gd name="T1" fmla="*/ 0 h 23"/>
                <a:gd name="T2" fmla="*/ 65 w 65"/>
                <a:gd name="T3" fmla="*/ 18 h 23"/>
                <a:gd name="T4" fmla="*/ 65 w 65"/>
                <a:gd name="T5" fmla="*/ 23 h 23"/>
                <a:gd name="T6" fmla="*/ 0 w 65"/>
                <a:gd name="T7" fmla="*/ 23 h 23"/>
                <a:gd name="T8" fmla="*/ 0 w 65"/>
                <a:gd name="T9" fmla="*/ 0 h 23"/>
              </a:gdLst>
              <a:ahLst/>
              <a:cxnLst>
                <a:cxn ang="0">
                  <a:pos x="T0" y="T1"/>
                </a:cxn>
                <a:cxn ang="0">
                  <a:pos x="T2" y="T3"/>
                </a:cxn>
                <a:cxn ang="0">
                  <a:pos x="T4" y="T5"/>
                </a:cxn>
                <a:cxn ang="0">
                  <a:pos x="T6" y="T7"/>
                </a:cxn>
                <a:cxn ang="0">
                  <a:pos x="T8" y="T9"/>
                </a:cxn>
              </a:cxnLst>
              <a:rect l="0" t="0" r="r" b="b"/>
              <a:pathLst>
                <a:path w="65" h="23">
                  <a:moveTo>
                    <a:pt x="0" y="0"/>
                  </a:moveTo>
                  <a:lnTo>
                    <a:pt x="65" y="18"/>
                  </a:lnTo>
                  <a:lnTo>
                    <a:pt x="65" y="23"/>
                  </a:lnTo>
                  <a:lnTo>
                    <a:pt x="0" y="23"/>
                  </a:lnTo>
                  <a:lnTo>
                    <a:pt x="0"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295" name="Freeform 18">
              <a:extLst>
                <a:ext uri="{FF2B5EF4-FFF2-40B4-BE49-F238E27FC236}">
                  <a16:creationId xmlns:a16="http://schemas.microsoft.com/office/drawing/2014/main" id="{B112C90C-DC1A-4107-B094-577BC29AEF10}"/>
                </a:ext>
              </a:extLst>
            </p:cNvPr>
            <p:cNvSpPr>
              <a:spLocks/>
            </p:cNvSpPr>
            <p:nvPr/>
          </p:nvSpPr>
          <p:spPr bwMode="auto">
            <a:xfrm>
              <a:off x="2800" y="1622"/>
              <a:ext cx="65" cy="45"/>
            </a:xfrm>
            <a:custGeom>
              <a:avLst/>
              <a:gdLst>
                <a:gd name="T0" fmla="*/ 65 w 65"/>
                <a:gd name="T1" fmla="*/ 21 h 45"/>
                <a:gd name="T2" fmla="*/ 65 w 65"/>
                <a:gd name="T3" fmla="*/ 26 h 45"/>
                <a:gd name="T4" fmla="*/ 0 w 65"/>
                <a:gd name="T5" fmla="*/ 45 h 45"/>
                <a:gd name="T6" fmla="*/ 0 w 65"/>
                <a:gd name="T7" fmla="*/ 0 h 45"/>
                <a:gd name="T8" fmla="*/ 65 w 65"/>
                <a:gd name="T9" fmla="*/ 21 h 45"/>
              </a:gdLst>
              <a:ahLst/>
              <a:cxnLst>
                <a:cxn ang="0">
                  <a:pos x="T0" y="T1"/>
                </a:cxn>
                <a:cxn ang="0">
                  <a:pos x="T2" y="T3"/>
                </a:cxn>
                <a:cxn ang="0">
                  <a:pos x="T4" y="T5"/>
                </a:cxn>
                <a:cxn ang="0">
                  <a:pos x="T6" y="T7"/>
                </a:cxn>
                <a:cxn ang="0">
                  <a:pos x="T8" y="T9"/>
                </a:cxn>
              </a:cxnLst>
              <a:rect l="0" t="0" r="r" b="b"/>
              <a:pathLst>
                <a:path w="65" h="45">
                  <a:moveTo>
                    <a:pt x="65" y="21"/>
                  </a:moveTo>
                  <a:lnTo>
                    <a:pt x="65" y="26"/>
                  </a:lnTo>
                  <a:lnTo>
                    <a:pt x="0" y="45"/>
                  </a:lnTo>
                  <a:lnTo>
                    <a:pt x="0" y="0"/>
                  </a:lnTo>
                  <a:lnTo>
                    <a:pt x="65" y="21"/>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296" name="Freeform 19">
              <a:extLst>
                <a:ext uri="{FF2B5EF4-FFF2-40B4-BE49-F238E27FC236}">
                  <a16:creationId xmlns:a16="http://schemas.microsoft.com/office/drawing/2014/main" id="{178D93C0-502B-4320-B475-4FB3F2828CB6}"/>
                </a:ext>
              </a:extLst>
            </p:cNvPr>
            <p:cNvSpPr>
              <a:spLocks/>
            </p:cNvSpPr>
            <p:nvPr/>
          </p:nvSpPr>
          <p:spPr bwMode="auto">
            <a:xfrm>
              <a:off x="2800" y="1559"/>
              <a:ext cx="65" cy="45"/>
            </a:xfrm>
            <a:custGeom>
              <a:avLst/>
              <a:gdLst>
                <a:gd name="T0" fmla="*/ 65 w 65"/>
                <a:gd name="T1" fmla="*/ 19 h 45"/>
                <a:gd name="T2" fmla="*/ 65 w 65"/>
                <a:gd name="T3" fmla="*/ 26 h 45"/>
                <a:gd name="T4" fmla="*/ 0 w 65"/>
                <a:gd name="T5" fmla="*/ 45 h 45"/>
                <a:gd name="T6" fmla="*/ 0 w 65"/>
                <a:gd name="T7" fmla="*/ 0 h 45"/>
                <a:gd name="T8" fmla="*/ 65 w 65"/>
                <a:gd name="T9" fmla="*/ 19 h 45"/>
              </a:gdLst>
              <a:ahLst/>
              <a:cxnLst>
                <a:cxn ang="0">
                  <a:pos x="T0" y="T1"/>
                </a:cxn>
                <a:cxn ang="0">
                  <a:pos x="T2" y="T3"/>
                </a:cxn>
                <a:cxn ang="0">
                  <a:pos x="T4" y="T5"/>
                </a:cxn>
                <a:cxn ang="0">
                  <a:pos x="T6" y="T7"/>
                </a:cxn>
                <a:cxn ang="0">
                  <a:pos x="T8" y="T9"/>
                </a:cxn>
              </a:cxnLst>
              <a:rect l="0" t="0" r="r" b="b"/>
              <a:pathLst>
                <a:path w="65" h="45">
                  <a:moveTo>
                    <a:pt x="65" y="19"/>
                  </a:moveTo>
                  <a:lnTo>
                    <a:pt x="65" y="26"/>
                  </a:lnTo>
                  <a:lnTo>
                    <a:pt x="0" y="45"/>
                  </a:lnTo>
                  <a:lnTo>
                    <a:pt x="0" y="0"/>
                  </a:lnTo>
                  <a:lnTo>
                    <a:pt x="65" y="19"/>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297" name="Freeform 20">
              <a:extLst>
                <a:ext uri="{FF2B5EF4-FFF2-40B4-BE49-F238E27FC236}">
                  <a16:creationId xmlns:a16="http://schemas.microsoft.com/office/drawing/2014/main" id="{37556C50-A832-49DE-9D51-09AD3BF11456}"/>
                </a:ext>
              </a:extLst>
            </p:cNvPr>
            <p:cNvSpPr>
              <a:spLocks/>
            </p:cNvSpPr>
            <p:nvPr/>
          </p:nvSpPr>
          <p:spPr bwMode="auto">
            <a:xfrm>
              <a:off x="2800" y="1494"/>
              <a:ext cx="65" cy="47"/>
            </a:xfrm>
            <a:custGeom>
              <a:avLst/>
              <a:gdLst>
                <a:gd name="T0" fmla="*/ 65 w 65"/>
                <a:gd name="T1" fmla="*/ 21 h 47"/>
                <a:gd name="T2" fmla="*/ 65 w 65"/>
                <a:gd name="T3" fmla="*/ 26 h 47"/>
                <a:gd name="T4" fmla="*/ 0 w 65"/>
                <a:gd name="T5" fmla="*/ 47 h 47"/>
                <a:gd name="T6" fmla="*/ 0 w 65"/>
                <a:gd name="T7" fmla="*/ 0 h 47"/>
                <a:gd name="T8" fmla="*/ 65 w 65"/>
                <a:gd name="T9" fmla="*/ 21 h 47"/>
              </a:gdLst>
              <a:ahLst/>
              <a:cxnLst>
                <a:cxn ang="0">
                  <a:pos x="T0" y="T1"/>
                </a:cxn>
                <a:cxn ang="0">
                  <a:pos x="T2" y="T3"/>
                </a:cxn>
                <a:cxn ang="0">
                  <a:pos x="T4" y="T5"/>
                </a:cxn>
                <a:cxn ang="0">
                  <a:pos x="T6" y="T7"/>
                </a:cxn>
                <a:cxn ang="0">
                  <a:pos x="T8" y="T9"/>
                </a:cxn>
              </a:cxnLst>
              <a:rect l="0" t="0" r="r" b="b"/>
              <a:pathLst>
                <a:path w="65" h="47">
                  <a:moveTo>
                    <a:pt x="65" y="21"/>
                  </a:moveTo>
                  <a:lnTo>
                    <a:pt x="65" y="26"/>
                  </a:lnTo>
                  <a:lnTo>
                    <a:pt x="0" y="47"/>
                  </a:lnTo>
                  <a:lnTo>
                    <a:pt x="0" y="0"/>
                  </a:lnTo>
                  <a:lnTo>
                    <a:pt x="65" y="21"/>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298" name="Freeform 21">
              <a:extLst>
                <a:ext uri="{FF2B5EF4-FFF2-40B4-BE49-F238E27FC236}">
                  <a16:creationId xmlns:a16="http://schemas.microsoft.com/office/drawing/2014/main" id="{8133D4E6-45CF-4965-9626-929AE053A1AD}"/>
                </a:ext>
              </a:extLst>
            </p:cNvPr>
            <p:cNvSpPr>
              <a:spLocks/>
            </p:cNvSpPr>
            <p:nvPr/>
          </p:nvSpPr>
          <p:spPr bwMode="auto">
            <a:xfrm>
              <a:off x="2802" y="1429"/>
              <a:ext cx="63" cy="46"/>
            </a:xfrm>
            <a:custGeom>
              <a:avLst/>
              <a:gdLst>
                <a:gd name="T0" fmla="*/ 63 w 63"/>
                <a:gd name="T1" fmla="*/ 18 h 46"/>
                <a:gd name="T2" fmla="*/ 63 w 63"/>
                <a:gd name="T3" fmla="*/ 28 h 46"/>
                <a:gd name="T4" fmla="*/ 0 w 63"/>
                <a:gd name="T5" fmla="*/ 46 h 46"/>
                <a:gd name="T6" fmla="*/ 0 w 63"/>
                <a:gd name="T7" fmla="*/ 0 h 46"/>
                <a:gd name="T8" fmla="*/ 63 w 63"/>
                <a:gd name="T9" fmla="*/ 18 h 46"/>
              </a:gdLst>
              <a:ahLst/>
              <a:cxnLst>
                <a:cxn ang="0">
                  <a:pos x="T0" y="T1"/>
                </a:cxn>
                <a:cxn ang="0">
                  <a:pos x="T2" y="T3"/>
                </a:cxn>
                <a:cxn ang="0">
                  <a:pos x="T4" y="T5"/>
                </a:cxn>
                <a:cxn ang="0">
                  <a:pos x="T6" y="T7"/>
                </a:cxn>
                <a:cxn ang="0">
                  <a:pos x="T8" y="T9"/>
                </a:cxn>
              </a:cxnLst>
              <a:rect l="0" t="0" r="r" b="b"/>
              <a:pathLst>
                <a:path w="63" h="46">
                  <a:moveTo>
                    <a:pt x="63" y="18"/>
                  </a:moveTo>
                  <a:lnTo>
                    <a:pt x="63" y="28"/>
                  </a:lnTo>
                  <a:lnTo>
                    <a:pt x="0" y="46"/>
                  </a:lnTo>
                  <a:lnTo>
                    <a:pt x="0" y="0"/>
                  </a:lnTo>
                  <a:lnTo>
                    <a:pt x="63" y="18"/>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299" name="Freeform 22">
              <a:extLst>
                <a:ext uri="{FF2B5EF4-FFF2-40B4-BE49-F238E27FC236}">
                  <a16:creationId xmlns:a16="http://schemas.microsoft.com/office/drawing/2014/main" id="{6888AD87-6047-464E-A620-8FF8D51F96FF}"/>
                </a:ext>
              </a:extLst>
            </p:cNvPr>
            <p:cNvSpPr>
              <a:spLocks/>
            </p:cNvSpPr>
            <p:nvPr/>
          </p:nvSpPr>
          <p:spPr bwMode="auto">
            <a:xfrm>
              <a:off x="2802" y="1363"/>
              <a:ext cx="63" cy="49"/>
            </a:xfrm>
            <a:custGeom>
              <a:avLst/>
              <a:gdLst>
                <a:gd name="T0" fmla="*/ 2 w 63"/>
                <a:gd name="T1" fmla="*/ 0 h 49"/>
                <a:gd name="T2" fmla="*/ 63 w 63"/>
                <a:gd name="T3" fmla="*/ 19 h 49"/>
                <a:gd name="T4" fmla="*/ 63 w 63"/>
                <a:gd name="T5" fmla="*/ 31 h 49"/>
                <a:gd name="T6" fmla="*/ 0 w 63"/>
                <a:gd name="T7" fmla="*/ 49 h 49"/>
                <a:gd name="T8" fmla="*/ 2 w 63"/>
                <a:gd name="T9" fmla="*/ 0 h 49"/>
              </a:gdLst>
              <a:ahLst/>
              <a:cxnLst>
                <a:cxn ang="0">
                  <a:pos x="T0" y="T1"/>
                </a:cxn>
                <a:cxn ang="0">
                  <a:pos x="T2" y="T3"/>
                </a:cxn>
                <a:cxn ang="0">
                  <a:pos x="T4" y="T5"/>
                </a:cxn>
                <a:cxn ang="0">
                  <a:pos x="T6" y="T7"/>
                </a:cxn>
                <a:cxn ang="0">
                  <a:pos x="T8" y="T9"/>
                </a:cxn>
              </a:cxnLst>
              <a:rect l="0" t="0" r="r" b="b"/>
              <a:pathLst>
                <a:path w="63" h="49">
                  <a:moveTo>
                    <a:pt x="2" y="0"/>
                  </a:moveTo>
                  <a:lnTo>
                    <a:pt x="63" y="19"/>
                  </a:lnTo>
                  <a:lnTo>
                    <a:pt x="63" y="31"/>
                  </a:lnTo>
                  <a:lnTo>
                    <a:pt x="0" y="49"/>
                  </a:lnTo>
                  <a:lnTo>
                    <a:pt x="2"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00" name="Freeform 23">
              <a:extLst>
                <a:ext uri="{FF2B5EF4-FFF2-40B4-BE49-F238E27FC236}">
                  <a16:creationId xmlns:a16="http://schemas.microsoft.com/office/drawing/2014/main" id="{556C2C12-6FAF-4D7C-9E95-DE4BE1068BEA}"/>
                </a:ext>
              </a:extLst>
            </p:cNvPr>
            <p:cNvSpPr>
              <a:spLocks/>
            </p:cNvSpPr>
            <p:nvPr/>
          </p:nvSpPr>
          <p:spPr bwMode="auto">
            <a:xfrm>
              <a:off x="2804" y="1300"/>
              <a:ext cx="61" cy="49"/>
            </a:xfrm>
            <a:custGeom>
              <a:avLst/>
              <a:gdLst>
                <a:gd name="T0" fmla="*/ 61 w 61"/>
                <a:gd name="T1" fmla="*/ 17 h 49"/>
                <a:gd name="T2" fmla="*/ 61 w 61"/>
                <a:gd name="T3" fmla="*/ 33 h 49"/>
                <a:gd name="T4" fmla="*/ 0 w 61"/>
                <a:gd name="T5" fmla="*/ 49 h 49"/>
                <a:gd name="T6" fmla="*/ 3 w 61"/>
                <a:gd name="T7" fmla="*/ 0 h 49"/>
                <a:gd name="T8" fmla="*/ 61 w 61"/>
                <a:gd name="T9" fmla="*/ 17 h 49"/>
              </a:gdLst>
              <a:ahLst/>
              <a:cxnLst>
                <a:cxn ang="0">
                  <a:pos x="T0" y="T1"/>
                </a:cxn>
                <a:cxn ang="0">
                  <a:pos x="T2" y="T3"/>
                </a:cxn>
                <a:cxn ang="0">
                  <a:pos x="T4" y="T5"/>
                </a:cxn>
                <a:cxn ang="0">
                  <a:pos x="T6" y="T7"/>
                </a:cxn>
                <a:cxn ang="0">
                  <a:pos x="T8" y="T9"/>
                </a:cxn>
              </a:cxnLst>
              <a:rect l="0" t="0" r="r" b="b"/>
              <a:pathLst>
                <a:path w="61" h="49">
                  <a:moveTo>
                    <a:pt x="61" y="17"/>
                  </a:moveTo>
                  <a:lnTo>
                    <a:pt x="61" y="33"/>
                  </a:lnTo>
                  <a:lnTo>
                    <a:pt x="0" y="49"/>
                  </a:lnTo>
                  <a:lnTo>
                    <a:pt x="3" y="0"/>
                  </a:lnTo>
                  <a:lnTo>
                    <a:pt x="61" y="17"/>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01" name="Freeform 24">
              <a:extLst>
                <a:ext uri="{FF2B5EF4-FFF2-40B4-BE49-F238E27FC236}">
                  <a16:creationId xmlns:a16="http://schemas.microsoft.com/office/drawing/2014/main" id="{CDAE68C8-2D35-4A5C-A260-9AA3E464477F}"/>
                </a:ext>
              </a:extLst>
            </p:cNvPr>
            <p:cNvSpPr>
              <a:spLocks/>
            </p:cNvSpPr>
            <p:nvPr/>
          </p:nvSpPr>
          <p:spPr bwMode="auto">
            <a:xfrm>
              <a:off x="2807" y="1235"/>
              <a:ext cx="58" cy="51"/>
            </a:xfrm>
            <a:custGeom>
              <a:avLst/>
              <a:gdLst>
                <a:gd name="T0" fmla="*/ 58 w 58"/>
                <a:gd name="T1" fmla="*/ 19 h 51"/>
                <a:gd name="T2" fmla="*/ 58 w 58"/>
                <a:gd name="T3" fmla="*/ 33 h 51"/>
                <a:gd name="T4" fmla="*/ 0 w 58"/>
                <a:gd name="T5" fmla="*/ 51 h 51"/>
                <a:gd name="T6" fmla="*/ 2 w 58"/>
                <a:gd name="T7" fmla="*/ 0 h 51"/>
                <a:gd name="T8" fmla="*/ 58 w 58"/>
                <a:gd name="T9" fmla="*/ 19 h 51"/>
              </a:gdLst>
              <a:ahLst/>
              <a:cxnLst>
                <a:cxn ang="0">
                  <a:pos x="T0" y="T1"/>
                </a:cxn>
                <a:cxn ang="0">
                  <a:pos x="T2" y="T3"/>
                </a:cxn>
                <a:cxn ang="0">
                  <a:pos x="T4" y="T5"/>
                </a:cxn>
                <a:cxn ang="0">
                  <a:pos x="T6" y="T7"/>
                </a:cxn>
                <a:cxn ang="0">
                  <a:pos x="T8" y="T9"/>
                </a:cxn>
              </a:cxnLst>
              <a:rect l="0" t="0" r="r" b="b"/>
              <a:pathLst>
                <a:path w="58" h="51">
                  <a:moveTo>
                    <a:pt x="58" y="19"/>
                  </a:moveTo>
                  <a:lnTo>
                    <a:pt x="58" y="33"/>
                  </a:lnTo>
                  <a:lnTo>
                    <a:pt x="0" y="51"/>
                  </a:lnTo>
                  <a:lnTo>
                    <a:pt x="2" y="0"/>
                  </a:lnTo>
                  <a:lnTo>
                    <a:pt x="58" y="19"/>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02" name="Freeform 25">
              <a:extLst>
                <a:ext uri="{FF2B5EF4-FFF2-40B4-BE49-F238E27FC236}">
                  <a16:creationId xmlns:a16="http://schemas.microsoft.com/office/drawing/2014/main" id="{CFAFCE8D-994A-415A-944E-DC9D59CD7CDF}"/>
                </a:ext>
              </a:extLst>
            </p:cNvPr>
            <p:cNvSpPr>
              <a:spLocks/>
            </p:cNvSpPr>
            <p:nvPr/>
          </p:nvSpPr>
          <p:spPr bwMode="auto">
            <a:xfrm>
              <a:off x="2814" y="1107"/>
              <a:ext cx="51" cy="51"/>
            </a:xfrm>
            <a:custGeom>
              <a:avLst/>
              <a:gdLst>
                <a:gd name="T0" fmla="*/ 51 w 51"/>
                <a:gd name="T1" fmla="*/ 14 h 51"/>
                <a:gd name="T2" fmla="*/ 51 w 51"/>
                <a:gd name="T3" fmla="*/ 35 h 51"/>
                <a:gd name="T4" fmla="*/ 0 w 51"/>
                <a:gd name="T5" fmla="*/ 51 h 51"/>
                <a:gd name="T6" fmla="*/ 4 w 51"/>
                <a:gd name="T7" fmla="*/ 0 h 51"/>
                <a:gd name="T8" fmla="*/ 51 w 51"/>
                <a:gd name="T9" fmla="*/ 14 h 51"/>
              </a:gdLst>
              <a:ahLst/>
              <a:cxnLst>
                <a:cxn ang="0">
                  <a:pos x="T0" y="T1"/>
                </a:cxn>
                <a:cxn ang="0">
                  <a:pos x="T2" y="T3"/>
                </a:cxn>
                <a:cxn ang="0">
                  <a:pos x="T4" y="T5"/>
                </a:cxn>
                <a:cxn ang="0">
                  <a:pos x="T6" y="T7"/>
                </a:cxn>
                <a:cxn ang="0">
                  <a:pos x="T8" y="T9"/>
                </a:cxn>
              </a:cxnLst>
              <a:rect l="0" t="0" r="r" b="b"/>
              <a:pathLst>
                <a:path w="51" h="51">
                  <a:moveTo>
                    <a:pt x="51" y="14"/>
                  </a:moveTo>
                  <a:lnTo>
                    <a:pt x="51" y="35"/>
                  </a:lnTo>
                  <a:lnTo>
                    <a:pt x="0" y="51"/>
                  </a:lnTo>
                  <a:lnTo>
                    <a:pt x="4" y="0"/>
                  </a:lnTo>
                  <a:lnTo>
                    <a:pt x="51" y="1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03" name="Freeform 26">
              <a:extLst>
                <a:ext uri="{FF2B5EF4-FFF2-40B4-BE49-F238E27FC236}">
                  <a16:creationId xmlns:a16="http://schemas.microsoft.com/office/drawing/2014/main" id="{6F719F08-DEE0-426F-8279-C85C70111E46}"/>
                </a:ext>
              </a:extLst>
            </p:cNvPr>
            <p:cNvSpPr>
              <a:spLocks/>
            </p:cNvSpPr>
            <p:nvPr/>
          </p:nvSpPr>
          <p:spPr bwMode="auto">
            <a:xfrm>
              <a:off x="2821" y="1053"/>
              <a:ext cx="44" cy="40"/>
            </a:xfrm>
            <a:custGeom>
              <a:avLst/>
              <a:gdLst>
                <a:gd name="T0" fmla="*/ 44 w 44"/>
                <a:gd name="T1" fmla="*/ 12 h 40"/>
                <a:gd name="T2" fmla="*/ 44 w 44"/>
                <a:gd name="T3" fmla="*/ 26 h 40"/>
                <a:gd name="T4" fmla="*/ 0 w 44"/>
                <a:gd name="T5" fmla="*/ 40 h 40"/>
                <a:gd name="T6" fmla="*/ 4 w 44"/>
                <a:gd name="T7" fmla="*/ 0 h 40"/>
                <a:gd name="T8" fmla="*/ 44 w 44"/>
                <a:gd name="T9" fmla="*/ 12 h 40"/>
              </a:gdLst>
              <a:ahLst/>
              <a:cxnLst>
                <a:cxn ang="0">
                  <a:pos x="T0" y="T1"/>
                </a:cxn>
                <a:cxn ang="0">
                  <a:pos x="T2" y="T3"/>
                </a:cxn>
                <a:cxn ang="0">
                  <a:pos x="T4" y="T5"/>
                </a:cxn>
                <a:cxn ang="0">
                  <a:pos x="T6" y="T7"/>
                </a:cxn>
                <a:cxn ang="0">
                  <a:pos x="T8" y="T9"/>
                </a:cxn>
              </a:cxnLst>
              <a:rect l="0" t="0" r="r" b="b"/>
              <a:pathLst>
                <a:path w="44" h="40">
                  <a:moveTo>
                    <a:pt x="44" y="12"/>
                  </a:moveTo>
                  <a:lnTo>
                    <a:pt x="44" y="26"/>
                  </a:lnTo>
                  <a:lnTo>
                    <a:pt x="0" y="40"/>
                  </a:lnTo>
                  <a:lnTo>
                    <a:pt x="4" y="0"/>
                  </a:lnTo>
                  <a:lnTo>
                    <a:pt x="44" y="12"/>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04" name="Freeform 27">
              <a:extLst>
                <a:ext uri="{FF2B5EF4-FFF2-40B4-BE49-F238E27FC236}">
                  <a16:creationId xmlns:a16="http://schemas.microsoft.com/office/drawing/2014/main" id="{916F077D-1B32-41E6-91E9-AEDCD31242C3}"/>
                </a:ext>
              </a:extLst>
            </p:cNvPr>
            <p:cNvSpPr>
              <a:spLocks/>
            </p:cNvSpPr>
            <p:nvPr/>
          </p:nvSpPr>
          <p:spPr bwMode="auto">
            <a:xfrm>
              <a:off x="2825" y="997"/>
              <a:ext cx="40" cy="40"/>
            </a:xfrm>
            <a:custGeom>
              <a:avLst/>
              <a:gdLst>
                <a:gd name="T0" fmla="*/ 5 w 40"/>
                <a:gd name="T1" fmla="*/ 0 h 40"/>
                <a:gd name="T2" fmla="*/ 40 w 40"/>
                <a:gd name="T3" fmla="*/ 9 h 40"/>
                <a:gd name="T4" fmla="*/ 40 w 40"/>
                <a:gd name="T5" fmla="*/ 28 h 40"/>
                <a:gd name="T6" fmla="*/ 0 w 40"/>
                <a:gd name="T7" fmla="*/ 40 h 40"/>
                <a:gd name="T8" fmla="*/ 5 w 40"/>
                <a:gd name="T9" fmla="*/ 0 h 40"/>
              </a:gdLst>
              <a:ahLst/>
              <a:cxnLst>
                <a:cxn ang="0">
                  <a:pos x="T0" y="T1"/>
                </a:cxn>
                <a:cxn ang="0">
                  <a:pos x="T2" y="T3"/>
                </a:cxn>
                <a:cxn ang="0">
                  <a:pos x="T4" y="T5"/>
                </a:cxn>
                <a:cxn ang="0">
                  <a:pos x="T6" y="T7"/>
                </a:cxn>
                <a:cxn ang="0">
                  <a:pos x="T8" y="T9"/>
                </a:cxn>
              </a:cxnLst>
              <a:rect l="0" t="0" r="r" b="b"/>
              <a:pathLst>
                <a:path w="40" h="40">
                  <a:moveTo>
                    <a:pt x="5" y="0"/>
                  </a:moveTo>
                  <a:lnTo>
                    <a:pt x="40" y="9"/>
                  </a:lnTo>
                  <a:lnTo>
                    <a:pt x="40" y="28"/>
                  </a:lnTo>
                  <a:lnTo>
                    <a:pt x="0" y="40"/>
                  </a:lnTo>
                  <a:lnTo>
                    <a:pt x="5"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05" name="Freeform 28">
              <a:extLst>
                <a:ext uri="{FF2B5EF4-FFF2-40B4-BE49-F238E27FC236}">
                  <a16:creationId xmlns:a16="http://schemas.microsoft.com/office/drawing/2014/main" id="{9A8724A4-5001-4730-BE04-1BF9CF49B031}"/>
                </a:ext>
              </a:extLst>
            </p:cNvPr>
            <p:cNvSpPr>
              <a:spLocks/>
            </p:cNvSpPr>
            <p:nvPr/>
          </p:nvSpPr>
          <p:spPr bwMode="auto">
            <a:xfrm>
              <a:off x="2837" y="911"/>
              <a:ext cx="28" cy="18"/>
            </a:xfrm>
            <a:custGeom>
              <a:avLst/>
              <a:gdLst>
                <a:gd name="T0" fmla="*/ 28 w 28"/>
                <a:gd name="T1" fmla="*/ 7 h 18"/>
                <a:gd name="T2" fmla="*/ 0 w 28"/>
                <a:gd name="T3" fmla="*/ 18 h 18"/>
                <a:gd name="T4" fmla="*/ 2 w 28"/>
                <a:gd name="T5" fmla="*/ 0 h 18"/>
                <a:gd name="T6" fmla="*/ 28 w 28"/>
                <a:gd name="T7" fmla="*/ 0 h 18"/>
                <a:gd name="T8" fmla="*/ 28 w 28"/>
                <a:gd name="T9" fmla="*/ 7 h 18"/>
              </a:gdLst>
              <a:ahLst/>
              <a:cxnLst>
                <a:cxn ang="0">
                  <a:pos x="T0" y="T1"/>
                </a:cxn>
                <a:cxn ang="0">
                  <a:pos x="T2" y="T3"/>
                </a:cxn>
                <a:cxn ang="0">
                  <a:pos x="T4" y="T5"/>
                </a:cxn>
                <a:cxn ang="0">
                  <a:pos x="T6" y="T7"/>
                </a:cxn>
                <a:cxn ang="0">
                  <a:pos x="T8" y="T9"/>
                </a:cxn>
              </a:cxnLst>
              <a:rect l="0" t="0" r="r" b="b"/>
              <a:pathLst>
                <a:path w="28" h="18">
                  <a:moveTo>
                    <a:pt x="28" y="7"/>
                  </a:moveTo>
                  <a:lnTo>
                    <a:pt x="0" y="18"/>
                  </a:lnTo>
                  <a:lnTo>
                    <a:pt x="2" y="0"/>
                  </a:lnTo>
                  <a:lnTo>
                    <a:pt x="28" y="0"/>
                  </a:lnTo>
                  <a:lnTo>
                    <a:pt x="28" y="7"/>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06" name="Freeform 29">
              <a:extLst>
                <a:ext uri="{FF2B5EF4-FFF2-40B4-BE49-F238E27FC236}">
                  <a16:creationId xmlns:a16="http://schemas.microsoft.com/office/drawing/2014/main" id="{85A8FEEC-9046-41BF-8AE5-2D8C51A2FF5A}"/>
                </a:ext>
              </a:extLst>
            </p:cNvPr>
            <p:cNvSpPr>
              <a:spLocks/>
            </p:cNvSpPr>
            <p:nvPr/>
          </p:nvSpPr>
          <p:spPr bwMode="auto">
            <a:xfrm>
              <a:off x="2918" y="911"/>
              <a:ext cx="28" cy="14"/>
            </a:xfrm>
            <a:custGeom>
              <a:avLst/>
              <a:gdLst>
                <a:gd name="T0" fmla="*/ 28 w 28"/>
                <a:gd name="T1" fmla="*/ 14 h 14"/>
                <a:gd name="T2" fmla="*/ 0 w 28"/>
                <a:gd name="T3" fmla="*/ 0 h 14"/>
                <a:gd name="T4" fmla="*/ 28 w 28"/>
                <a:gd name="T5" fmla="*/ 0 h 14"/>
                <a:gd name="T6" fmla="*/ 28 w 28"/>
                <a:gd name="T7" fmla="*/ 14 h 14"/>
              </a:gdLst>
              <a:ahLst/>
              <a:cxnLst>
                <a:cxn ang="0">
                  <a:pos x="T0" y="T1"/>
                </a:cxn>
                <a:cxn ang="0">
                  <a:pos x="T2" y="T3"/>
                </a:cxn>
                <a:cxn ang="0">
                  <a:pos x="T4" y="T5"/>
                </a:cxn>
                <a:cxn ang="0">
                  <a:pos x="T6" y="T7"/>
                </a:cxn>
              </a:cxnLst>
              <a:rect l="0" t="0" r="r" b="b"/>
              <a:pathLst>
                <a:path w="28" h="14">
                  <a:moveTo>
                    <a:pt x="28" y="14"/>
                  </a:moveTo>
                  <a:lnTo>
                    <a:pt x="0" y="0"/>
                  </a:lnTo>
                  <a:lnTo>
                    <a:pt x="28" y="0"/>
                  </a:lnTo>
                  <a:lnTo>
                    <a:pt x="28" y="1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07" name="Freeform 30">
              <a:extLst>
                <a:ext uri="{FF2B5EF4-FFF2-40B4-BE49-F238E27FC236}">
                  <a16:creationId xmlns:a16="http://schemas.microsoft.com/office/drawing/2014/main" id="{3AB8FD18-DB1F-4444-A20E-CE047820575D}"/>
                </a:ext>
              </a:extLst>
            </p:cNvPr>
            <p:cNvSpPr>
              <a:spLocks/>
            </p:cNvSpPr>
            <p:nvPr/>
          </p:nvSpPr>
          <p:spPr bwMode="auto">
            <a:xfrm>
              <a:off x="2909" y="948"/>
              <a:ext cx="44" cy="33"/>
            </a:xfrm>
            <a:custGeom>
              <a:avLst/>
              <a:gdLst>
                <a:gd name="T0" fmla="*/ 0 w 44"/>
                <a:gd name="T1" fmla="*/ 19 h 33"/>
                <a:gd name="T2" fmla="*/ 40 w 44"/>
                <a:gd name="T3" fmla="*/ 0 h 33"/>
                <a:gd name="T4" fmla="*/ 44 w 44"/>
                <a:gd name="T5" fmla="*/ 33 h 33"/>
                <a:gd name="T6" fmla="*/ 0 w 44"/>
                <a:gd name="T7" fmla="*/ 19 h 33"/>
              </a:gdLst>
              <a:ahLst/>
              <a:cxnLst>
                <a:cxn ang="0">
                  <a:pos x="T0" y="T1"/>
                </a:cxn>
                <a:cxn ang="0">
                  <a:pos x="T2" y="T3"/>
                </a:cxn>
                <a:cxn ang="0">
                  <a:pos x="T4" y="T5"/>
                </a:cxn>
                <a:cxn ang="0">
                  <a:pos x="T6" y="T7"/>
                </a:cxn>
              </a:cxnLst>
              <a:rect l="0" t="0" r="r" b="b"/>
              <a:pathLst>
                <a:path w="44" h="33">
                  <a:moveTo>
                    <a:pt x="0" y="19"/>
                  </a:moveTo>
                  <a:lnTo>
                    <a:pt x="40" y="0"/>
                  </a:lnTo>
                  <a:lnTo>
                    <a:pt x="44" y="33"/>
                  </a:lnTo>
                  <a:lnTo>
                    <a:pt x="0" y="19"/>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08" name="Freeform 31">
              <a:extLst>
                <a:ext uri="{FF2B5EF4-FFF2-40B4-BE49-F238E27FC236}">
                  <a16:creationId xmlns:a16="http://schemas.microsoft.com/office/drawing/2014/main" id="{1A2137BA-54D8-4D2B-81F5-56C0F7656603}"/>
                </a:ext>
              </a:extLst>
            </p:cNvPr>
            <p:cNvSpPr>
              <a:spLocks/>
            </p:cNvSpPr>
            <p:nvPr/>
          </p:nvSpPr>
          <p:spPr bwMode="auto">
            <a:xfrm>
              <a:off x="2858" y="988"/>
              <a:ext cx="7" cy="4"/>
            </a:xfrm>
            <a:custGeom>
              <a:avLst/>
              <a:gdLst>
                <a:gd name="T0" fmla="*/ 7 w 7"/>
                <a:gd name="T1" fmla="*/ 0 h 4"/>
                <a:gd name="T2" fmla="*/ 7 w 7"/>
                <a:gd name="T3" fmla="*/ 4 h 4"/>
                <a:gd name="T4" fmla="*/ 0 w 7"/>
                <a:gd name="T5" fmla="*/ 2 h 4"/>
                <a:gd name="T6" fmla="*/ 7 w 7"/>
                <a:gd name="T7" fmla="*/ 0 h 4"/>
              </a:gdLst>
              <a:ahLst/>
              <a:cxnLst>
                <a:cxn ang="0">
                  <a:pos x="T0" y="T1"/>
                </a:cxn>
                <a:cxn ang="0">
                  <a:pos x="T2" y="T3"/>
                </a:cxn>
                <a:cxn ang="0">
                  <a:pos x="T4" y="T5"/>
                </a:cxn>
                <a:cxn ang="0">
                  <a:pos x="T6" y="T7"/>
                </a:cxn>
              </a:cxnLst>
              <a:rect l="0" t="0" r="r" b="b"/>
              <a:pathLst>
                <a:path w="7" h="4">
                  <a:moveTo>
                    <a:pt x="7" y="0"/>
                  </a:moveTo>
                  <a:lnTo>
                    <a:pt x="7" y="4"/>
                  </a:lnTo>
                  <a:lnTo>
                    <a:pt x="0" y="2"/>
                  </a:lnTo>
                  <a:lnTo>
                    <a:pt x="7"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09" name="Freeform 32">
              <a:extLst>
                <a:ext uri="{FF2B5EF4-FFF2-40B4-BE49-F238E27FC236}">
                  <a16:creationId xmlns:a16="http://schemas.microsoft.com/office/drawing/2014/main" id="{13B5F480-A276-4026-94AF-F6AD22FCAC53}"/>
                </a:ext>
              </a:extLst>
            </p:cNvPr>
            <p:cNvSpPr>
              <a:spLocks/>
            </p:cNvSpPr>
            <p:nvPr/>
          </p:nvSpPr>
          <p:spPr bwMode="auto">
            <a:xfrm>
              <a:off x="2856" y="934"/>
              <a:ext cx="9" cy="7"/>
            </a:xfrm>
            <a:custGeom>
              <a:avLst/>
              <a:gdLst>
                <a:gd name="T0" fmla="*/ 9 w 9"/>
                <a:gd name="T1" fmla="*/ 7 h 7"/>
                <a:gd name="T2" fmla="*/ 0 w 9"/>
                <a:gd name="T3" fmla="*/ 2 h 7"/>
                <a:gd name="T4" fmla="*/ 9 w 9"/>
                <a:gd name="T5" fmla="*/ 0 h 7"/>
                <a:gd name="T6" fmla="*/ 9 w 9"/>
                <a:gd name="T7" fmla="*/ 7 h 7"/>
              </a:gdLst>
              <a:ahLst/>
              <a:cxnLst>
                <a:cxn ang="0">
                  <a:pos x="T0" y="T1"/>
                </a:cxn>
                <a:cxn ang="0">
                  <a:pos x="T2" y="T3"/>
                </a:cxn>
                <a:cxn ang="0">
                  <a:pos x="T4" y="T5"/>
                </a:cxn>
                <a:cxn ang="0">
                  <a:pos x="T6" y="T7"/>
                </a:cxn>
              </a:cxnLst>
              <a:rect l="0" t="0" r="r" b="b"/>
              <a:pathLst>
                <a:path w="9" h="7">
                  <a:moveTo>
                    <a:pt x="9" y="7"/>
                  </a:moveTo>
                  <a:lnTo>
                    <a:pt x="0" y="2"/>
                  </a:lnTo>
                  <a:lnTo>
                    <a:pt x="9" y="0"/>
                  </a:lnTo>
                  <a:lnTo>
                    <a:pt x="9" y="7"/>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10" name="Freeform 33">
              <a:extLst>
                <a:ext uri="{FF2B5EF4-FFF2-40B4-BE49-F238E27FC236}">
                  <a16:creationId xmlns:a16="http://schemas.microsoft.com/office/drawing/2014/main" id="{F80E52D7-2C7B-44E8-8D49-A1C55CA4F5F5}"/>
                </a:ext>
              </a:extLst>
            </p:cNvPr>
            <p:cNvSpPr>
              <a:spLocks/>
            </p:cNvSpPr>
            <p:nvPr/>
          </p:nvSpPr>
          <p:spPr bwMode="auto">
            <a:xfrm>
              <a:off x="2893" y="918"/>
              <a:ext cx="44" cy="37"/>
            </a:xfrm>
            <a:custGeom>
              <a:avLst/>
              <a:gdLst>
                <a:gd name="T0" fmla="*/ 4 w 44"/>
                <a:gd name="T1" fmla="*/ 0 h 37"/>
                <a:gd name="T2" fmla="*/ 44 w 44"/>
                <a:gd name="T3" fmla="*/ 18 h 37"/>
                <a:gd name="T4" fmla="*/ 4 w 44"/>
                <a:gd name="T5" fmla="*/ 37 h 37"/>
                <a:gd name="T6" fmla="*/ 0 w 44"/>
                <a:gd name="T7" fmla="*/ 35 h 37"/>
                <a:gd name="T8" fmla="*/ 0 w 44"/>
                <a:gd name="T9" fmla="*/ 2 h 37"/>
                <a:gd name="T10" fmla="*/ 4 w 44"/>
                <a:gd name="T11" fmla="*/ 0 h 37"/>
              </a:gdLst>
              <a:ahLst/>
              <a:cxnLst>
                <a:cxn ang="0">
                  <a:pos x="T0" y="T1"/>
                </a:cxn>
                <a:cxn ang="0">
                  <a:pos x="T2" y="T3"/>
                </a:cxn>
                <a:cxn ang="0">
                  <a:pos x="T4" y="T5"/>
                </a:cxn>
                <a:cxn ang="0">
                  <a:pos x="T6" y="T7"/>
                </a:cxn>
                <a:cxn ang="0">
                  <a:pos x="T8" y="T9"/>
                </a:cxn>
                <a:cxn ang="0">
                  <a:pos x="T10" y="T11"/>
                </a:cxn>
              </a:cxnLst>
              <a:rect l="0" t="0" r="r" b="b"/>
              <a:pathLst>
                <a:path w="44" h="37">
                  <a:moveTo>
                    <a:pt x="4" y="0"/>
                  </a:moveTo>
                  <a:lnTo>
                    <a:pt x="44" y="18"/>
                  </a:lnTo>
                  <a:lnTo>
                    <a:pt x="4" y="37"/>
                  </a:lnTo>
                  <a:lnTo>
                    <a:pt x="0" y="35"/>
                  </a:lnTo>
                  <a:lnTo>
                    <a:pt x="0" y="2"/>
                  </a:lnTo>
                  <a:lnTo>
                    <a:pt x="4"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11" name="Freeform 34">
              <a:extLst>
                <a:ext uri="{FF2B5EF4-FFF2-40B4-BE49-F238E27FC236}">
                  <a16:creationId xmlns:a16="http://schemas.microsoft.com/office/drawing/2014/main" id="{3F81FBFD-2714-4E51-868C-5D130E9F0D55}"/>
                </a:ext>
              </a:extLst>
            </p:cNvPr>
            <p:cNvSpPr>
              <a:spLocks/>
            </p:cNvSpPr>
            <p:nvPr/>
          </p:nvSpPr>
          <p:spPr bwMode="auto">
            <a:xfrm>
              <a:off x="2832" y="943"/>
              <a:ext cx="33" cy="40"/>
            </a:xfrm>
            <a:custGeom>
              <a:avLst/>
              <a:gdLst>
                <a:gd name="T0" fmla="*/ 3 w 33"/>
                <a:gd name="T1" fmla="*/ 0 h 40"/>
                <a:gd name="T2" fmla="*/ 33 w 33"/>
                <a:gd name="T3" fmla="*/ 14 h 40"/>
                <a:gd name="T4" fmla="*/ 33 w 33"/>
                <a:gd name="T5" fmla="*/ 28 h 40"/>
                <a:gd name="T6" fmla="*/ 0 w 33"/>
                <a:gd name="T7" fmla="*/ 40 h 40"/>
                <a:gd name="T8" fmla="*/ 3 w 33"/>
                <a:gd name="T9" fmla="*/ 0 h 40"/>
              </a:gdLst>
              <a:ahLst/>
              <a:cxnLst>
                <a:cxn ang="0">
                  <a:pos x="T0" y="T1"/>
                </a:cxn>
                <a:cxn ang="0">
                  <a:pos x="T2" y="T3"/>
                </a:cxn>
                <a:cxn ang="0">
                  <a:pos x="T4" y="T5"/>
                </a:cxn>
                <a:cxn ang="0">
                  <a:pos x="T6" y="T7"/>
                </a:cxn>
                <a:cxn ang="0">
                  <a:pos x="T8" y="T9"/>
                </a:cxn>
              </a:cxnLst>
              <a:rect l="0" t="0" r="r" b="b"/>
              <a:pathLst>
                <a:path w="33" h="40">
                  <a:moveTo>
                    <a:pt x="3" y="0"/>
                  </a:moveTo>
                  <a:lnTo>
                    <a:pt x="33" y="14"/>
                  </a:lnTo>
                  <a:lnTo>
                    <a:pt x="33" y="28"/>
                  </a:lnTo>
                  <a:lnTo>
                    <a:pt x="0" y="40"/>
                  </a:lnTo>
                  <a:lnTo>
                    <a:pt x="3"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12" name="Freeform 35">
              <a:extLst>
                <a:ext uri="{FF2B5EF4-FFF2-40B4-BE49-F238E27FC236}">
                  <a16:creationId xmlns:a16="http://schemas.microsoft.com/office/drawing/2014/main" id="{9D73139E-B618-465F-9212-AB644ED81A63}"/>
                </a:ext>
              </a:extLst>
            </p:cNvPr>
            <p:cNvSpPr>
              <a:spLocks/>
            </p:cNvSpPr>
            <p:nvPr/>
          </p:nvSpPr>
          <p:spPr bwMode="auto">
            <a:xfrm>
              <a:off x="2893" y="978"/>
              <a:ext cx="44" cy="24"/>
            </a:xfrm>
            <a:custGeom>
              <a:avLst/>
              <a:gdLst>
                <a:gd name="T0" fmla="*/ 4 w 44"/>
                <a:gd name="T1" fmla="*/ 24 h 24"/>
                <a:gd name="T2" fmla="*/ 0 w 44"/>
                <a:gd name="T3" fmla="*/ 24 h 24"/>
                <a:gd name="T4" fmla="*/ 0 w 44"/>
                <a:gd name="T5" fmla="*/ 0 h 24"/>
                <a:gd name="T6" fmla="*/ 4 w 44"/>
                <a:gd name="T7" fmla="*/ 0 h 24"/>
                <a:gd name="T8" fmla="*/ 44 w 44"/>
                <a:gd name="T9" fmla="*/ 12 h 24"/>
                <a:gd name="T10" fmla="*/ 4 w 44"/>
                <a:gd name="T11" fmla="*/ 24 h 24"/>
              </a:gdLst>
              <a:ahLst/>
              <a:cxnLst>
                <a:cxn ang="0">
                  <a:pos x="T0" y="T1"/>
                </a:cxn>
                <a:cxn ang="0">
                  <a:pos x="T2" y="T3"/>
                </a:cxn>
                <a:cxn ang="0">
                  <a:pos x="T4" y="T5"/>
                </a:cxn>
                <a:cxn ang="0">
                  <a:pos x="T6" y="T7"/>
                </a:cxn>
                <a:cxn ang="0">
                  <a:pos x="T8" y="T9"/>
                </a:cxn>
                <a:cxn ang="0">
                  <a:pos x="T10" y="T11"/>
                </a:cxn>
              </a:cxnLst>
              <a:rect l="0" t="0" r="r" b="b"/>
              <a:pathLst>
                <a:path w="44" h="24">
                  <a:moveTo>
                    <a:pt x="4" y="24"/>
                  </a:moveTo>
                  <a:lnTo>
                    <a:pt x="0" y="24"/>
                  </a:lnTo>
                  <a:lnTo>
                    <a:pt x="0" y="0"/>
                  </a:lnTo>
                  <a:lnTo>
                    <a:pt x="4" y="0"/>
                  </a:lnTo>
                  <a:lnTo>
                    <a:pt x="44" y="12"/>
                  </a:lnTo>
                  <a:lnTo>
                    <a:pt x="4" y="2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13" name="Freeform 36">
              <a:extLst>
                <a:ext uri="{FF2B5EF4-FFF2-40B4-BE49-F238E27FC236}">
                  <a16:creationId xmlns:a16="http://schemas.microsoft.com/office/drawing/2014/main" id="{FEF5A71B-5405-4041-B009-43128FB5E754}"/>
                </a:ext>
              </a:extLst>
            </p:cNvPr>
            <p:cNvSpPr>
              <a:spLocks/>
            </p:cNvSpPr>
            <p:nvPr/>
          </p:nvSpPr>
          <p:spPr bwMode="auto">
            <a:xfrm>
              <a:off x="2851" y="1039"/>
              <a:ext cx="14" cy="9"/>
            </a:xfrm>
            <a:custGeom>
              <a:avLst/>
              <a:gdLst>
                <a:gd name="T0" fmla="*/ 14 w 14"/>
                <a:gd name="T1" fmla="*/ 9 h 9"/>
                <a:gd name="T2" fmla="*/ 0 w 14"/>
                <a:gd name="T3" fmla="*/ 5 h 9"/>
                <a:gd name="T4" fmla="*/ 14 w 14"/>
                <a:gd name="T5" fmla="*/ 0 h 9"/>
                <a:gd name="T6" fmla="*/ 14 w 14"/>
                <a:gd name="T7" fmla="*/ 9 h 9"/>
              </a:gdLst>
              <a:ahLst/>
              <a:cxnLst>
                <a:cxn ang="0">
                  <a:pos x="T0" y="T1"/>
                </a:cxn>
                <a:cxn ang="0">
                  <a:pos x="T2" y="T3"/>
                </a:cxn>
                <a:cxn ang="0">
                  <a:pos x="T4" y="T5"/>
                </a:cxn>
                <a:cxn ang="0">
                  <a:pos x="T6" y="T7"/>
                </a:cxn>
              </a:cxnLst>
              <a:rect l="0" t="0" r="r" b="b"/>
              <a:pathLst>
                <a:path w="14" h="9">
                  <a:moveTo>
                    <a:pt x="14" y="9"/>
                  </a:moveTo>
                  <a:lnTo>
                    <a:pt x="0" y="5"/>
                  </a:lnTo>
                  <a:lnTo>
                    <a:pt x="14" y="0"/>
                  </a:lnTo>
                  <a:lnTo>
                    <a:pt x="14" y="9"/>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14" name="Freeform 37">
              <a:extLst>
                <a:ext uri="{FF2B5EF4-FFF2-40B4-BE49-F238E27FC236}">
                  <a16:creationId xmlns:a16="http://schemas.microsoft.com/office/drawing/2014/main" id="{34A1696F-0336-48A6-95FA-F551CAF82BDB}"/>
                </a:ext>
              </a:extLst>
            </p:cNvPr>
            <p:cNvSpPr>
              <a:spLocks/>
            </p:cNvSpPr>
            <p:nvPr/>
          </p:nvSpPr>
          <p:spPr bwMode="auto">
            <a:xfrm>
              <a:off x="2893" y="1030"/>
              <a:ext cx="51" cy="30"/>
            </a:xfrm>
            <a:custGeom>
              <a:avLst/>
              <a:gdLst>
                <a:gd name="T0" fmla="*/ 4 w 51"/>
                <a:gd name="T1" fmla="*/ 30 h 30"/>
                <a:gd name="T2" fmla="*/ 0 w 51"/>
                <a:gd name="T3" fmla="*/ 28 h 30"/>
                <a:gd name="T4" fmla="*/ 0 w 51"/>
                <a:gd name="T5" fmla="*/ 2 h 30"/>
                <a:gd name="T6" fmla="*/ 4 w 51"/>
                <a:gd name="T7" fmla="*/ 0 h 30"/>
                <a:gd name="T8" fmla="*/ 51 w 51"/>
                <a:gd name="T9" fmla="*/ 14 h 30"/>
                <a:gd name="T10" fmla="*/ 4 w 51"/>
                <a:gd name="T11" fmla="*/ 30 h 30"/>
              </a:gdLst>
              <a:ahLst/>
              <a:cxnLst>
                <a:cxn ang="0">
                  <a:pos x="T0" y="T1"/>
                </a:cxn>
                <a:cxn ang="0">
                  <a:pos x="T2" y="T3"/>
                </a:cxn>
                <a:cxn ang="0">
                  <a:pos x="T4" y="T5"/>
                </a:cxn>
                <a:cxn ang="0">
                  <a:pos x="T6" y="T7"/>
                </a:cxn>
                <a:cxn ang="0">
                  <a:pos x="T8" y="T9"/>
                </a:cxn>
                <a:cxn ang="0">
                  <a:pos x="T10" y="T11"/>
                </a:cxn>
              </a:cxnLst>
              <a:rect l="0" t="0" r="r" b="b"/>
              <a:pathLst>
                <a:path w="51" h="30">
                  <a:moveTo>
                    <a:pt x="4" y="30"/>
                  </a:moveTo>
                  <a:lnTo>
                    <a:pt x="0" y="28"/>
                  </a:lnTo>
                  <a:lnTo>
                    <a:pt x="0" y="2"/>
                  </a:lnTo>
                  <a:lnTo>
                    <a:pt x="4" y="0"/>
                  </a:lnTo>
                  <a:lnTo>
                    <a:pt x="51" y="14"/>
                  </a:lnTo>
                  <a:lnTo>
                    <a:pt x="4" y="3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15" name="Freeform 38">
              <a:extLst>
                <a:ext uri="{FF2B5EF4-FFF2-40B4-BE49-F238E27FC236}">
                  <a16:creationId xmlns:a16="http://schemas.microsoft.com/office/drawing/2014/main" id="{5D646C35-EB20-4A86-99C4-E75EAA71397A}"/>
                </a:ext>
              </a:extLst>
            </p:cNvPr>
            <p:cNvSpPr>
              <a:spLocks/>
            </p:cNvSpPr>
            <p:nvPr/>
          </p:nvSpPr>
          <p:spPr bwMode="auto">
            <a:xfrm>
              <a:off x="2846" y="1095"/>
              <a:ext cx="19" cy="12"/>
            </a:xfrm>
            <a:custGeom>
              <a:avLst/>
              <a:gdLst>
                <a:gd name="T0" fmla="*/ 19 w 19"/>
                <a:gd name="T1" fmla="*/ 12 h 12"/>
                <a:gd name="T2" fmla="*/ 0 w 19"/>
                <a:gd name="T3" fmla="*/ 5 h 12"/>
                <a:gd name="T4" fmla="*/ 19 w 19"/>
                <a:gd name="T5" fmla="*/ 0 h 12"/>
                <a:gd name="T6" fmla="*/ 19 w 19"/>
                <a:gd name="T7" fmla="*/ 12 h 12"/>
              </a:gdLst>
              <a:ahLst/>
              <a:cxnLst>
                <a:cxn ang="0">
                  <a:pos x="T0" y="T1"/>
                </a:cxn>
                <a:cxn ang="0">
                  <a:pos x="T2" y="T3"/>
                </a:cxn>
                <a:cxn ang="0">
                  <a:pos x="T4" y="T5"/>
                </a:cxn>
                <a:cxn ang="0">
                  <a:pos x="T6" y="T7"/>
                </a:cxn>
              </a:cxnLst>
              <a:rect l="0" t="0" r="r" b="b"/>
              <a:pathLst>
                <a:path w="19" h="12">
                  <a:moveTo>
                    <a:pt x="19" y="12"/>
                  </a:moveTo>
                  <a:lnTo>
                    <a:pt x="0" y="5"/>
                  </a:lnTo>
                  <a:lnTo>
                    <a:pt x="19" y="0"/>
                  </a:lnTo>
                  <a:lnTo>
                    <a:pt x="19" y="12"/>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16" name="Freeform 39">
              <a:extLst>
                <a:ext uri="{FF2B5EF4-FFF2-40B4-BE49-F238E27FC236}">
                  <a16:creationId xmlns:a16="http://schemas.microsoft.com/office/drawing/2014/main" id="{AE640955-3759-4FB2-BF63-9C3015E0CD2F}"/>
                </a:ext>
              </a:extLst>
            </p:cNvPr>
            <p:cNvSpPr>
              <a:spLocks/>
            </p:cNvSpPr>
            <p:nvPr/>
          </p:nvSpPr>
          <p:spPr bwMode="auto">
            <a:xfrm>
              <a:off x="2893" y="1083"/>
              <a:ext cx="56" cy="33"/>
            </a:xfrm>
            <a:custGeom>
              <a:avLst/>
              <a:gdLst>
                <a:gd name="T0" fmla="*/ 4 w 56"/>
                <a:gd name="T1" fmla="*/ 33 h 33"/>
                <a:gd name="T2" fmla="*/ 0 w 56"/>
                <a:gd name="T3" fmla="*/ 31 h 33"/>
                <a:gd name="T4" fmla="*/ 0 w 56"/>
                <a:gd name="T5" fmla="*/ 3 h 33"/>
                <a:gd name="T6" fmla="*/ 4 w 56"/>
                <a:gd name="T7" fmla="*/ 0 h 33"/>
                <a:gd name="T8" fmla="*/ 56 w 56"/>
                <a:gd name="T9" fmla="*/ 17 h 33"/>
                <a:gd name="T10" fmla="*/ 4 w 56"/>
                <a:gd name="T11" fmla="*/ 33 h 33"/>
              </a:gdLst>
              <a:ahLst/>
              <a:cxnLst>
                <a:cxn ang="0">
                  <a:pos x="T0" y="T1"/>
                </a:cxn>
                <a:cxn ang="0">
                  <a:pos x="T2" y="T3"/>
                </a:cxn>
                <a:cxn ang="0">
                  <a:pos x="T4" y="T5"/>
                </a:cxn>
                <a:cxn ang="0">
                  <a:pos x="T6" y="T7"/>
                </a:cxn>
                <a:cxn ang="0">
                  <a:pos x="T8" y="T9"/>
                </a:cxn>
                <a:cxn ang="0">
                  <a:pos x="T10" y="T11"/>
                </a:cxn>
              </a:cxnLst>
              <a:rect l="0" t="0" r="r" b="b"/>
              <a:pathLst>
                <a:path w="56" h="33">
                  <a:moveTo>
                    <a:pt x="4" y="33"/>
                  </a:moveTo>
                  <a:lnTo>
                    <a:pt x="0" y="31"/>
                  </a:lnTo>
                  <a:lnTo>
                    <a:pt x="0" y="3"/>
                  </a:lnTo>
                  <a:lnTo>
                    <a:pt x="4" y="0"/>
                  </a:lnTo>
                  <a:lnTo>
                    <a:pt x="56" y="17"/>
                  </a:lnTo>
                  <a:lnTo>
                    <a:pt x="4" y="33"/>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17" name="Freeform 40">
              <a:extLst>
                <a:ext uri="{FF2B5EF4-FFF2-40B4-BE49-F238E27FC236}">
                  <a16:creationId xmlns:a16="http://schemas.microsoft.com/office/drawing/2014/main" id="{5414D710-EF74-46A6-8C29-3C9D822E3AC8}"/>
                </a:ext>
              </a:extLst>
            </p:cNvPr>
            <p:cNvSpPr>
              <a:spLocks/>
            </p:cNvSpPr>
            <p:nvPr/>
          </p:nvSpPr>
          <p:spPr bwMode="auto">
            <a:xfrm>
              <a:off x="2893" y="1130"/>
              <a:ext cx="4" cy="2"/>
            </a:xfrm>
            <a:custGeom>
              <a:avLst/>
              <a:gdLst>
                <a:gd name="T0" fmla="*/ 0 w 4"/>
                <a:gd name="T1" fmla="*/ 2 h 2"/>
                <a:gd name="T2" fmla="*/ 0 w 4"/>
                <a:gd name="T3" fmla="*/ 0 h 2"/>
                <a:gd name="T4" fmla="*/ 4 w 4"/>
                <a:gd name="T5" fmla="*/ 2 h 2"/>
                <a:gd name="T6" fmla="*/ 4 w 4"/>
                <a:gd name="T7" fmla="*/ 2 h 2"/>
                <a:gd name="T8" fmla="*/ 0 w 4"/>
                <a:gd name="T9" fmla="*/ 2 h 2"/>
              </a:gdLst>
              <a:ahLst/>
              <a:cxnLst>
                <a:cxn ang="0">
                  <a:pos x="T0" y="T1"/>
                </a:cxn>
                <a:cxn ang="0">
                  <a:pos x="T2" y="T3"/>
                </a:cxn>
                <a:cxn ang="0">
                  <a:pos x="T4" y="T5"/>
                </a:cxn>
                <a:cxn ang="0">
                  <a:pos x="T6" y="T7"/>
                </a:cxn>
                <a:cxn ang="0">
                  <a:pos x="T8" y="T9"/>
                </a:cxn>
              </a:cxnLst>
              <a:rect l="0" t="0" r="r" b="b"/>
              <a:pathLst>
                <a:path w="4" h="2">
                  <a:moveTo>
                    <a:pt x="0" y="2"/>
                  </a:moveTo>
                  <a:lnTo>
                    <a:pt x="0" y="0"/>
                  </a:lnTo>
                  <a:lnTo>
                    <a:pt x="4" y="2"/>
                  </a:lnTo>
                  <a:lnTo>
                    <a:pt x="4" y="2"/>
                  </a:lnTo>
                  <a:lnTo>
                    <a:pt x="0" y="2"/>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18" name="Freeform 41">
              <a:extLst>
                <a:ext uri="{FF2B5EF4-FFF2-40B4-BE49-F238E27FC236}">
                  <a16:creationId xmlns:a16="http://schemas.microsoft.com/office/drawing/2014/main" id="{D286E7C7-C948-4C77-BC3A-6CC4851289A1}"/>
                </a:ext>
              </a:extLst>
            </p:cNvPr>
            <p:cNvSpPr>
              <a:spLocks/>
            </p:cNvSpPr>
            <p:nvPr/>
          </p:nvSpPr>
          <p:spPr bwMode="auto">
            <a:xfrm>
              <a:off x="2842" y="1158"/>
              <a:ext cx="23" cy="14"/>
            </a:xfrm>
            <a:custGeom>
              <a:avLst/>
              <a:gdLst>
                <a:gd name="T0" fmla="*/ 23 w 23"/>
                <a:gd name="T1" fmla="*/ 14 h 14"/>
                <a:gd name="T2" fmla="*/ 0 w 23"/>
                <a:gd name="T3" fmla="*/ 7 h 14"/>
                <a:gd name="T4" fmla="*/ 23 w 23"/>
                <a:gd name="T5" fmla="*/ 0 h 14"/>
                <a:gd name="T6" fmla="*/ 23 w 23"/>
                <a:gd name="T7" fmla="*/ 14 h 14"/>
              </a:gdLst>
              <a:ahLst/>
              <a:cxnLst>
                <a:cxn ang="0">
                  <a:pos x="T0" y="T1"/>
                </a:cxn>
                <a:cxn ang="0">
                  <a:pos x="T2" y="T3"/>
                </a:cxn>
                <a:cxn ang="0">
                  <a:pos x="T4" y="T5"/>
                </a:cxn>
                <a:cxn ang="0">
                  <a:pos x="T6" y="T7"/>
                </a:cxn>
              </a:cxnLst>
              <a:rect l="0" t="0" r="r" b="b"/>
              <a:pathLst>
                <a:path w="23" h="14">
                  <a:moveTo>
                    <a:pt x="23" y="14"/>
                  </a:moveTo>
                  <a:lnTo>
                    <a:pt x="0" y="7"/>
                  </a:lnTo>
                  <a:lnTo>
                    <a:pt x="23" y="0"/>
                  </a:lnTo>
                  <a:lnTo>
                    <a:pt x="23" y="1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19" name="Freeform 42">
              <a:extLst>
                <a:ext uri="{FF2B5EF4-FFF2-40B4-BE49-F238E27FC236}">
                  <a16:creationId xmlns:a16="http://schemas.microsoft.com/office/drawing/2014/main" id="{CC8EBAF8-EAF4-45A4-8E51-714EC5AE1761}"/>
                </a:ext>
              </a:extLst>
            </p:cNvPr>
            <p:cNvSpPr>
              <a:spLocks/>
            </p:cNvSpPr>
            <p:nvPr/>
          </p:nvSpPr>
          <p:spPr bwMode="auto">
            <a:xfrm>
              <a:off x="2893" y="1146"/>
              <a:ext cx="58" cy="35"/>
            </a:xfrm>
            <a:custGeom>
              <a:avLst/>
              <a:gdLst>
                <a:gd name="T0" fmla="*/ 4 w 58"/>
                <a:gd name="T1" fmla="*/ 35 h 35"/>
                <a:gd name="T2" fmla="*/ 0 w 58"/>
                <a:gd name="T3" fmla="*/ 33 h 35"/>
                <a:gd name="T4" fmla="*/ 0 w 58"/>
                <a:gd name="T5" fmla="*/ 3 h 35"/>
                <a:gd name="T6" fmla="*/ 4 w 58"/>
                <a:gd name="T7" fmla="*/ 0 h 35"/>
                <a:gd name="T8" fmla="*/ 58 w 58"/>
                <a:gd name="T9" fmla="*/ 19 h 35"/>
                <a:gd name="T10" fmla="*/ 4 w 58"/>
                <a:gd name="T11" fmla="*/ 35 h 35"/>
              </a:gdLst>
              <a:ahLst/>
              <a:cxnLst>
                <a:cxn ang="0">
                  <a:pos x="T0" y="T1"/>
                </a:cxn>
                <a:cxn ang="0">
                  <a:pos x="T2" y="T3"/>
                </a:cxn>
                <a:cxn ang="0">
                  <a:pos x="T4" y="T5"/>
                </a:cxn>
                <a:cxn ang="0">
                  <a:pos x="T6" y="T7"/>
                </a:cxn>
                <a:cxn ang="0">
                  <a:pos x="T8" y="T9"/>
                </a:cxn>
                <a:cxn ang="0">
                  <a:pos x="T10" y="T11"/>
                </a:cxn>
              </a:cxnLst>
              <a:rect l="0" t="0" r="r" b="b"/>
              <a:pathLst>
                <a:path w="58" h="35">
                  <a:moveTo>
                    <a:pt x="4" y="35"/>
                  </a:moveTo>
                  <a:lnTo>
                    <a:pt x="0" y="33"/>
                  </a:lnTo>
                  <a:lnTo>
                    <a:pt x="0" y="3"/>
                  </a:lnTo>
                  <a:lnTo>
                    <a:pt x="4" y="0"/>
                  </a:lnTo>
                  <a:lnTo>
                    <a:pt x="58" y="19"/>
                  </a:lnTo>
                  <a:lnTo>
                    <a:pt x="4" y="35"/>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20" name="Freeform 43">
              <a:extLst>
                <a:ext uri="{FF2B5EF4-FFF2-40B4-BE49-F238E27FC236}">
                  <a16:creationId xmlns:a16="http://schemas.microsoft.com/office/drawing/2014/main" id="{87D02A99-9B52-44BC-93B4-AEA6C411319A}"/>
                </a:ext>
              </a:extLst>
            </p:cNvPr>
            <p:cNvSpPr>
              <a:spLocks/>
            </p:cNvSpPr>
            <p:nvPr/>
          </p:nvSpPr>
          <p:spPr bwMode="auto">
            <a:xfrm>
              <a:off x="2907" y="1237"/>
              <a:ext cx="70" cy="45"/>
            </a:xfrm>
            <a:custGeom>
              <a:avLst/>
              <a:gdLst>
                <a:gd name="T0" fmla="*/ 0 w 70"/>
                <a:gd name="T1" fmla="*/ 24 h 45"/>
                <a:gd name="T2" fmla="*/ 70 w 70"/>
                <a:gd name="T3" fmla="*/ 0 h 45"/>
                <a:gd name="T4" fmla="*/ 70 w 70"/>
                <a:gd name="T5" fmla="*/ 45 h 45"/>
                <a:gd name="T6" fmla="*/ 0 w 70"/>
                <a:gd name="T7" fmla="*/ 24 h 45"/>
              </a:gdLst>
              <a:ahLst/>
              <a:cxnLst>
                <a:cxn ang="0">
                  <a:pos x="T0" y="T1"/>
                </a:cxn>
                <a:cxn ang="0">
                  <a:pos x="T2" y="T3"/>
                </a:cxn>
                <a:cxn ang="0">
                  <a:pos x="T4" y="T5"/>
                </a:cxn>
                <a:cxn ang="0">
                  <a:pos x="T6" y="T7"/>
                </a:cxn>
              </a:cxnLst>
              <a:rect l="0" t="0" r="r" b="b"/>
              <a:pathLst>
                <a:path w="70" h="45">
                  <a:moveTo>
                    <a:pt x="0" y="24"/>
                  </a:moveTo>
                  <a:lnTo>
                    <a:pt x="70" y="0"/>
                  </a:lnTo>
                  <a:lnTo>
                    <a:pt x="70" y="45"/>
                  </a:lnTo>
                  <a:lnTo>
                    <a:pt x="0" y="2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21" name="Freeform 44">
              <a:extLst>
                <a:ext uri="{FF2B5EF4-FFF2-40B4-BE49-F238E27FC236}">
                  <a16:creationId xmlns:a16="http://schemas.microsoft.com/office/drawing/2014/main" id="{6FDDBF43-D33F-49AA-B576-8ED4EE836623}"/>
                </a:ext>
              </a:extLst>
            </p:cNvPr>
            <p:cNvSpPr>
              <a:spLocks/>
            </p:cNvSpPr>
            <p:nvPr/>
          </p:nvSpPr>
          <p:spPr bwMode="auto">
            <a:xfrm>
              <a:off x="2909" y="1303"/>
              <a:ext cx="70" cy="44"/>
            </a:xfrm>
            <a:custGeom>
              <a:avLst/>
              <a:gdLst>
                <a:gd name="T0" fmla="*/ 70 w 70"/>
                <a:gd name="T1" fmla="*/ 44 h 44"/>
                <a:gd name="T2" fmla="*/ 0 w 70"/>
                <a:gd name="T3" fmla="*/ 21 h 44"/>
                <a:gd name="T4" fmla="*/ 68 w 70"/>
                <a:gd name="T5" fmla="*/ 0 h 44"/>
                <a:gd name="T6" fmla="*/ 70 w 70"/>
                <a:gd name="T7" fmla="*/ 44 h 44"/>
              </a:gdLst>
              <a:ahLst/>
              <a:cxnLst>
                <a:cxn ang="0">
                  <a:pos x="T0" y="T1"/>
                </a:cxn>
                <a:cxn ang="0">
                  <a:pos x="T2" y="T3"/>
                </a:cxn>
                <a:cxn ang="0">
                  <a:pos x="T4" y="T5"/>
                </a:cxn>
                <a:cxn ang="0">
                  <a:pos x="T6" y="T7"/>
                </a:cxn>
              </a:cxnLst>
              <a:rect l="0" t="0" r="r" b="b"/>
              <a:pathLst>
                <a:path w="70" h="44">
                  <a:moveTo>
                    <a:pt x="70" y="44"/>
                  </a:moveTo>
                  <a:lnTo>
                    <a:pt x="0" y="21"/>
                  </a:lnTo>
                  <a:lnTo>
                    <a:pt x="68" y="0"/>
                  </a:lnTo>
                  <a:lnTo>
                    <a:pt x="70" y="4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22" name="Freeform 45">
              <a:extLst>
                <a:ext uri="{FF2B5EF4-FFF2-40B4-BE49-F238E27FC236}">
                  <a16:creationId xmlns:a16="http://schemas.microsoft.com/office/drawing/2014/main" id="{921FACEA-2169-4160-BEF3-1CCB5D6F08B1}"/>
                </a:ext>
              </a:extLst>
            </p:cNvPr>
            <p:cNvSpPr>
              <a:spLocks/>
            </p:cNvSpPr>
            <p:nvPr/>
          </p:nvSpPr>
          <p:spPr bwMode="auto">
            <a:xfrm>
              <a:off x="2914" y="1366"/>
              <a:ext cx="67" cy="44"/>
            </a:xfrm>
            <a:custGeom>
              <a:avLst/>
              <a:gdLst>
                <a:gd name="T0" fmla="*/ 0 w 67"/>
                <a:gd name="T1" fmla="*/ 21 h 44"/>
                <a:gd name="T2" fmla="*/ 65 w 67"/>
                <a:gd name="T3" fmla="*/ 0 h 44"/>
                <a:gd name="T4" fmla="*/ 67 w 67"/>
                <a:gd name="T5" fmla="*/ 44 h 44"/>
                <a:gd name="T6" fmla="*/ 0 w 67"/>
                <a:gd name="T7" fmla="*/ 21 h 44"/>
              </a:gdLst>
              <a:ahLst/>
              <a:cxnLst>
                <a:cxn ang="0">
                  <a:pos x="T0" y="T1"/>
                </a:cxn>
                <a:cxn ang="0">
                  <a:pos x="T2" y="T3"/>
                </a:cxn>
                <a:cxn ang="0">
                  <a:pos x="T4" y="T5"/>
                </a:cxn>
                <a:cxn ang="0">
                  <a:pos x="T6" y="T7"/>
                </a:cxn>
              </a:cxnLst>
              <a:rect l="0" t="0" r="r" b="b"/>
              <a:pathLst>
                <a:path w="67" h="44">
                  <a:moveTo>
                    <a:pt x="0" y="21"/>
                  </a:moveTo>
                  <a:lnTo>
                    <a:pt x="65" y="0"/>
                  </a:lnTo>
                  <a:lnTo>
                    <a:pt x="67" y="44"/>
                  </a:lnTo>
                  <a:lnTo>
                    <a:pt x="0" y="21"/>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23" name="Freeform 46">
              <a:extLst>
                <a:ext uri="{FF2B5EF4-FFF2-40B4-BE49-F238E27FC236}">
                  <a16:creationId xmlns:a16="http://schemas.microsoft.com/office/drawing/2014/main" id="{605F25D8-E35F-4F57-985F-C6AAAAC289BF}"/>
                </a:ext>
              </a:extLst>
            </p:cNvPr>
            <p:cNvSpPr>
              <a:spLocks/>
            </p:cNvSpPr>
            <p:nvPr/>
          </p:nvSpPr>
          <p:spPr bwMode="auto">
            <a:xfrm>
              <a:off x="2974" y="1431"/>
              <a:ext cx="7" cy="2"/>
            </a:xfrm>
            <a:custGeom>
              <a:avLst/>
              <a:gdLst>
                <a:gd name="T0" fmla="*/ 0 w 7"/>
                <a:gd name="T1" fmla="*/ 2 h 2"/>
                <a:gd name="T2" fmla="*/ 7 w 7"/>
                <a:gd name="T3" fmla="*/ 0 h 2"/>
                <a:gd name="T4" fmla="*/ 7 w 7"/>
                <a:gd name="T5" fmla="*/ 2 h 2"/>
                <a:gd name="T6" fmla="*/ 0 w 7"/>
                <a:gd name="T7" fmla="*/ 2 h 2"/>
              </a:gdLst>
              <a:ahLst/>
              <a:cxnLst>
                <a:cxn ang="0">
                  <a:pos x="T0" y="T1"/>
                </a:cxn>
                <a:cxn ang="0">
                  <a:pos x="T2" y="T3"/>
                </a:cxn>
                <a:cxn ang="0">
                  <a:pos x="T4" y="T5"/>
                </a:cxn>
                <a:cxn ang="0">
                  <a:pos x="T6" y="T7"/>
                </a:cxn>
              </a:cxnLst>
              <a:rect l="0" t="0" r="r" b="b"/>
              <a:pathLst>
                <a:path w="7" h="2">
                  <a:moveTo>
                    <a:pt x="0" y="2"/>
                  </a:moveTo>
                  <a:lnTo>
                    <a:pt x="7" y="0"/>
                  </a:lnTo>
                  <a:lnTo>
                    <a:pt x="7" y="2"/>
                  </a:lnTo>
                  <a:lnTo>
                    <a:pt x="0" y="2"/>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24" name="Freeform 47">
              <a:extLst>
                <a:ext uri="{FF2B5EF4-FFF2-40B4-BE49-F238E27FC236}">
                  <a16:creationId xmlns:a16="http://schemas.microsoft.com/office/drawing/2014/main" id="{31C35735-32C4-4424-93FF-F2BDC207F349}"/>
                </a:ext>
              </a:extLst>
            </p:cNvPr>
            <p:cNvSpPr>
              <a:spLocks/>
            </p:cNvSpPr>
            <p:nvPr/>
          </p:nvSpPr>
          <p:spPr bwMode="auto">
            <a:xfrm>
              <a:off x="2921" y="1706"/>
              <a:ext cx="14" cy="5"/>
            </a:xfrm>
            <a:custGeom>
              <a:avLst/>
              <a:gdLst>
                <a:gd name="T0" fmla="*/ 14 w 14"/>
                <a:gd name="T1" fmla="*/ 0 h 5"/>
                <a:gd name="T2" fmla="*/ 14 w 14"/>
                <a:gd name="T3" fmla="*/ 5 h 5"/>
                <a:gd name="T4" fmla="*/ 0 w 14"/>
                <a:gd name="T5" fmla="*/ 5 h 5"/>
                <a:gd name="T6" fmla="*/ 14 w 14"/>
                <a:gd name="T7" fmla="*/ 0 h 5"/>
              </a:gdLst>
              <a:ahLst/>
              <a:cxnLst>
                <a:cxn ang="0">
                  <a:pos x="T0" y="T1"/>
                </a:cxn>
                <a:cxn ang="0">
                  <a:pos x="T2" y="T3"/>
                </a:cxn>
                <a:cxn ang="0">
                  <a:pos x="T4" y="T5"/>
                </a:cxn>
                <a:cxn ang="0">
                  <a:pos x="T6" y="T7"/>
                </a:cxn>
              </a:cxnLst>
              <a:rect l="0" t="0" r="r" b="b"/>
              <a:pathLst>
                <a:path w="14" h="5">
                  <a:moveTo>
                    <a:pt x="14" y="0"/>
                  </a:moveTo>
                  <a:lnTo>
                    <a:pt x="14" y="5"/>
                  </a:lnTo>
                  <a:lnTo>
                    <a:pt x="0" y="5"/>
                  </a:lnTo>
                  <a:lnTo>
                    <a:pt x="14"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25" name="Freeform 48">
              <a:extLst>
                <a:ext uri="{FF2B5EF4-FFF2-40B4-BE49-F238E27FC236}">
                  <a16:creationId xmlns:a16="http://schemas.microsoft.com/office/drawing/2014/main" id="{A0138D8A-BA29-4B21-996A-1C53BAEDB95D}"/>
                </a:ext>
              </a:extLst>
            </p:cNvPr>
            <p:cNvSpPr>
              <a:spLocks/>
            </p:cNvSpPr>
            <p:nvPr/>
          </p:nvSpPr>
          <p:spPr bwMode="auto">
            <a:xfrm>
              <a:off x="2923" y="1513"/>
              <a:ext cx="12" cy="7"/>
            </a:xfrm>
            <a:custGeom>
              <a:avLst/>
              <a:gdLst>
                <a:gd name="T0" fmla="*/ 12 w 12"/>
                <a:gd name="T1" fmla="*/ 0 h 7"/>
                <a:gd name="T2" fmla="*/ 12 w 12"/>
                <a:gd name="T3" fmla="*/ 7 h 7"/>
                <a:gd name="T4" fmla="*/ 0 w 12"/>
                <a:gd name="T5" fmla="*/ 4 h 7"/>
                <a:gd name="T6" fmla="*/ 12 w 12"/>
                <a:gd name="T7" fmla="*/ 0 h 7"/>
              </a:gdLst>
              <a:ahLst/>
              <a:cxnLst>
                <a:cxn ang="0">
                  <a:pos x="T0" y="T1"/>
                </a:cxn>
                <a:cxn ang="0">
                  <a:pos x="T2" y="T3"/>
                </a:cxn>
                <a:cxn ang="0">
                  <a:pos x="T4" y="T5"/>
                </a:cxn>
                <a:cxn ang="0">
                  <a:pos x="T6" y="T7"/>
                </a:cxn>
              </a:cxnLst>
              <a:rect l="0" t="0" r="r" b="b"/>
              <a:pathLst>
                <a:path w="12" h="7">
                  <a:moveTo>
                    <a:pt x="12" y="0"/>
                  </a:moveTo>
                  <a:lnTo>
                    <a:pt x="12" y="7"/>
                  </a:lnTo>
                  <a:lnTo>
                    <a:pt x="0" y="4"/>
                  </a:lnTo>
                  <a:lnTo>
                    <a:pt x="12"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26" name="Freeform 49">
              <a:extLst>
                <a:ext uri="{FF2B5EF4-FFF2-40B4-BE49-F238E27FC236}">
                  <a16:creationId xmlns:a16="http://schemas.microsoft.com/office/drawing/2014/main" id="{E19C7E36-D048-4B06-8720-A69744330EAA}"/>
                </a:ext>
              </a:extLst>
            </p:cNvPr>
            <p:cNvSpPr>
              <a:spLocks/>
            </p:cNvSpPr>
            <p:nvPr/>
          </p:nvSpPr>
          <p:spPr bwMode="auto">
            <a:xfrm>
              <a:off x="2921" y="1447"/>
              <a:ext cx="14" cy="10"/>
            </a:xfrm>
            <a:custGeom>
              <a:avLst/>
              <a:gdLst>
                <a:gd name="T0" fmla="*/ 14 w 14"/>
                <a:gd name="T1" fmla="*/ 0 h 10"/>
                <a:gd name="T2" fmla="*/ 14 w 14"/>
                <a:gd name="T3" fmla="*/ 10 h 10"/>
                <a:gd name="T4" fmla="*/ 0 w 14"/>
                <a:gd name="T5" fmla="*/ 5 h 10"/>
                <a:gd name="T6" fmla="*/ 14 w 14"/>
                <a:gd name="T7" fmla="*/ 0 h 10"/>
              </a:gdLst>
              <a:ahLst/>
              <a:cxnLst>
                <a:cxn ang="0">
                  <a:pos x="T0" y="T1"/>
                </a:cxn>
                <a:cxn ang="0">
                  <a:pos x="T2" y="T3"/>
                </a:cxn>
                <a:cxn ang="0">
                  <a:pos x="T4" y="T5"/>
                </a:cxn>
                <a:cxn ang="0">
                  <a:pos x="T6" y="T7"/>
                </a:cxn>
              </a:cxnLst>
              <a:rect l="0" t="0" r="r" b="b"/>
              <a:pathLst>
                <a:path w="14" h="10">
                  <a:moveTo>
                    <a:pt x="14" y="0"/>
                  </a:moveTo>
                  <a:lnTo>
                    <a:pt x="14" y="10"/>
                  </a:lnTo>
                  <a:lnTo>
                    <a:pt x="0" y="5"/>
                  </a:lnTo>
                  <a:lnTo>
                    <a:pt x="14"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27" name="Freeform 50">
              <a:extLst>
                <a:ext uri="{FF2B5EF4-FFF2-40B4-BE49-F238E27FC236}">
                  <a16:creationId xmlns:a16="http://schemas.microsoft.com/office/drawing/2014/main" id="{613C4E79-D1CE-4E32-A812-3FFCC6C2E35F}"/>
                </a:ext>
              </a:extLst>
            </p:cNvPr>
            <p:cNvSpPr>
              <a:spLocks/>
            </p:cNvSpPr>
            <p:nvPr/>
          </p:nvSpPr>
          <p:spPr bwMode="auto">
            <a:xfrm>
              <a:off x="2923" y="1578"/>
              <a:ext cx="12" cy="7"/>
            </a:xfrm>
            <a:custGeom>
              <a:avLst/>
              <a:gdLst>
                <a:gd name="T0" fmla="*/ 12 w 12"/>
                <a:gd name="T1" fmla="*/ 7 h 7"/>
                <a:gd name="T2" fmla="*/ 0 w 12"/>
                <a:gd name="T3" fmla="*/ 2 h 7"/>
                <a:gd name="T4" fmla="*/ 12 w 12"/>
                <a:gd name="T5" fmla="*/ 0 h 7"/>
                <a:gd name="T6" fmla="*/ 12 w 12"/>
                <a:gd name="T7" fmla="*/ 7 h 7"/>
              </a:gdLst>
              <a:ahLst/>
              <a:cxnLst>
                <a:cxn ang="0">
                  <a:pos x="T0" y="T1"/>
                </a:cxn>
                <a:cxn ang="0">
                  <a:pos x="T2" y="T3"/>
                </a:cxn>
                <a:cxn ang="0">
                  <a:pos x="T4" y="T5"/>
                </a:cxn>
                <a:cxn ang="0">
                  <a:pos x="T6" y="T7"/>
                </a:cxn>
              </a:cxnLst>
              <a:rect l="0" t="0" r="r" b="b"/>
              <a:pathLst>
                <a:path w="12" h="7">
                  <a:moveTo>
                    <a:pt x="12" y="7"/>
                  </a:moveTo>
                  <a:lnTo>
                    <a:pt x="0" y="2"/>
                  </a:lnTo>
                  <a:lnTo>
                    <a:pt x="12" y="0"/>
                  </a:lnTo>
                  <a:lnTo>
                    <a:pt x="12" y="7"/>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28" name="Freeform 51">
              <a:extLst>
                <a:ext uri="{FF2B5EF4-FFF2-40B4-BE49-F238E27FC236}">
                  <a16:creationId xmlns:a16="http://schemas.microsoft.com/office/drawing/2014/main" id="{39381B7D-0CDA-4FAF-BC52-4C653298D562}"/>
                </a:ext>
              </a:extLst>
            </p:cNvPr>
            <p:cNvSpPr>
              <a:spLocks/>
            </p:cNvSpPr>
            <p:nvPr/>
          </p:nvSpPr>
          <p:spPr bwMode="auto">
            <a:xfrm>
              <a:off x="2923" y="1641"/>
              <a:ext cx="12" cy="7"/>
            </a:xfrm>
            <a:custGeom>
              <a:avLst/>
              <a:gdLst>
                <a:gd name="T0" fmla="*/ 12 w 12"/>
                <a:gd name="T1" fmla="*/ 7 h 7"/>
                <a:gd name="T2" fmla="*/ 0 w 12"/>
                <a:gd name="T3" fmla="*/ 5 h 7"/>
                <a:gd name="T4" fmla="*/ 12 w 12"/>
                <a:gd name="T5" fmla="*/ 0 h 7"/>
                <a:gd name="T6" fmla="*/ 12 w 12"/>
                <a:gd name="T7" fmla="*/ 7 h 7"/>
              </a:gdLst>
              <a:ahLst/>
              <a:cxnLst>
                <a:cxn ang="0">
                  <a:pos x="T0" y="T1"/>
                </a:cxn>
                <a:cxn ang="0">
                  <a:pos x="T2" y="T3"/>
                </a:cxn>
                <a:cxn ang="0">
                  <a:pos x="T4" y="T5"/>
                </a:cxn>
                <a:cxn ang="0">
                  <a:pos x="T6" y="T7"/>
                </a:cxn>
              </a:cxnLst>
              <a:rect l="0" t="0" r="r" b="b"/>
              <a:pathLst>
                <a:path w="12" h="7">
                  <a:moveTo>
                    <a:pt x="12" y="7"/>
                  </a:moveTo>
                  <a:lnTo>
                    <a:pt x="0" y="5"/>
                  </a:lnTo>
                  <a:lnTo>
                    <a:pt x="12" y="0"/>
                  </a:lnTo>
                  <a:lnTo>
                    <a:pt x="12" y="7"/>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29" name="Freeform 52">
              <a:extLst>
                <a:ext uri="{FF2B5EF4-FFF2-40B4-BE49-F238E27FC236}">
                  <a16:creationId xmlns:a16="http://schemas.microsoft.com/office/drawing/2014/main" id="{B915569F-B68F-486E-8BCC-0163CC4D241A}"/>
                </a:ext>
              </a:extLst>
            </p:cNvPr>
            <p:cNvSpPr>
              <a:spLocks/>
            </p:cNvSpPr>
            <p:nvPr/>
          </p:nvSpPr>
          <p:spPr bwMode="auto">
            <a:xfrm>
              <a:off x="2835" y="1219"/>
              <a:ext cx="30" cy="18"/>
            </a:xfrm>
            <a:custGeom>
              <a:avLst/>
              <a:gdLst>
                <a:gd name="T0" fmla="*/ 30 w 30"/>
                <a:gd name="T1" fmla="*/ 18 h 18"/>
                <a:gd name="T2" fmla="*/ 0 w 30"/>
                <a:gd name="T3" fmla="*/ 9 h 18"/>
                <a:gd name="T4" fmla="*/ 30 w 30"/>
                <a:gd name="T5" fmla="*/ 0 h 18"/>
                <a:gd name="T6" fmla="*/ 30 w 30"/>
                <a:gd name="T7" fmla="*/ 18 h 18"/>
              </a:gdLst>
              <a:ahLst/>
              <a:cxnLst>
                <a:cxn ang="0">
                  <a:pos x="T0" y="T1"/>
                </a:cxn>
                <a:cxn ang="0">
                  <a:pos x="T2" y="T3"/>
                </a:cxn>
                <a:cxn ang="0">
                  <a:pos x="T4" y="T5"/>
                </a:cxn>
                <a:cxn ang="0">
                  <a:pos x="T6" y="T7"/>
                </a:cxn>
              </a:cxnLst>
              <a:rect l="0" t="0" r="r" b="b"/>
              <a:pathLst>
                <a:path w="30" h="18">
                  <a:moveTo>
                    <a:pt x="30" y="18"/>
                  </a:moveTo>
                  <a:lnTo>
                    <a:pt x="0" y="9"/>
                  </a:lnTo>
                  <a:lnTo>
                    <a:pt x="30" y="0"/>
                  </a:lnTo>
                  <a:lnTo>
                    <a:pt x="30" y="18"/>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30" name="Freeform 53">
              <a:extLst>
                <a:ext uri="{FF2B5EF4-FFF2-40B4-BE49-F238E27FC236}">
                  <a16:creationId xmlns:a16="http://schemas.microsoft.com/office/drawing/2014/main" id="{E05C0E1C-88A2-44D0-AEFA-C01EA09C34EB}"/>
                </a:ext>
              </a:extLst>
            </p:cNvPr>
            <p:cNvSpPr>
              <a:spLocks/>
            </p:cNvSpPr>
            <p:nvPr/>
          </p:nvSpPr>
          <p:spPr bwMode="auto">
            <a:xfrm>
              <a:off x="2893" y="1209"/>
              <a:ext cx="63" cy="40"/>
            </a:xfrm>
            <a:custGeom>
              <a:avLst/>
              <a:gdLst>
                <a:gd name="T0" fmla="*/ 0 w 63"/>
                <a:gd name="T1" fmla="*/ 0 h 40"/>
                <a:gd name="T2" fmla="*/ 4 w 63"/>
                <a:gd name="T3" fmla="*/ 0 h 40"/>
                <a:gd name="T4" fmla="*/ 63 w 63"/>
                <a:gd name="T5" fmla="*/ 19 h 40"/>
                <a:gd name="T6" fmla="*/ 2 w 63"/>
                <a:gd name="T7" fmla="*/ 40 h 40"/>
                <a:gd name="T8" fmla="*/ 0 w 63"/>
                <a:gd name="T9" fmla="*/ 38 h 40"/>
                <a:gd name="T10" fmla="*/ 0 w 63"/>
                <a:gd name="T11" fmla="*/ 0 h 40"/>
              </a:gdLst>
              <a:ahLst/>
              <a:cxnLst>
                <a:cxn ang="0">
                  <a:pos x="T0" y="T1"/>
                </a:cxn>
                <a:cxn ang="0">
                  <a:pos x="T2" y="T3"/>
                </a:cxn>
                <a:cxn ang="0">
                  <a:pos x="T4" y="T5"/>
                </a:cxn>
                <a:cxn ang="0">
                  <a:pos x="T6" y="T7"/>
                </a:cxn>
                <a:cxn ang="0">
                  <a:pos x="T8" y="T9"/>
                </a:cxn>
                <a:cxn ang="0">
                  <a:pos x="T10" y="T11"/>
                </a:cxn>
              </a:cxnLst>
              <a:rect l="0" t="0" r="r" b="b"/>
              <a:pathLst>
                <a:path w="63" h="40">
                  <a:moveTo>
                    <a:pt x="0" y="0"/>
                  </a:moveTo>
                  <a:lnTo>
                    <a:pt x="4" y="0"/>
                  </a:lnTo>
                  <a:lnTo>
                    <a:pt x="63" y="19"/>
                  </a:lnTo>
                  <a:lnTo>
                    <a:pt x="2" y="40"/>
                  </a:lnTo>
                  <a:lnTo>
                    <a:pt x="0" y="38"/>
                  </a:lnTo>
                  <a:lnTo>
                    <a:pt x="0"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31" name="Freeform 54">
              <a:extLst>
                <a:ext uri="{FF2B5EF4-FFF2-40B4-BE49-F238E27FC236}">
                  <a16:creationId xmlns:a16="http://schemas.microsoft.com/office/drawing/2014/main" id="{47663F3A-DF2A-46F7-BF83-36A1CD929A63}"/>
                </a:ext>
              </a:extLst>
            </p:cNvPr>
            <p:cNvSpPr>
              <a:spLocks/>
            </p:cNvSpPr>
            <p:nvPr/>
          </p:nvSpPr>
          <p:spPr bwMode="auto">
            <a:xfrm>
              <a:off x="2835" y="1284"/>
              <a:ext cx="30" cy="19"/>
            </a:xfrm>
            <a:custGeom>
              <a:avLst/>
              <a:gdLst>
                <a:gd name="T0" fmla="*/ 30 w 30"/>
                <a:gd name="T1" fmla="*/ 19 h 19"/>
                <a:gd name="T2" fmla="*/ 0 w 30"/>
                <a:gd name="T3" fmla="*/ 9 h 19"/>
                <a:gd name="T4" fmla="*/ 30 w 30"/>
                <a:gd name="T5" fmla="*/ 0 h 19"/>
                <a:gd name="T6" fmla="*/ 30 w 30"/>
                <a:gd name="T7" fmla="*/ 19 h 19"/>
              </a:gdLst>
              <a:ahLst/>
              <a:cxnLst>
                <a:cxn ang="0">
                  <a:pos x="T0" y="T1"/>
                </a:cxn>
                <a:cxn ang="0">
                  <a:pos x="T2" y="T3"/>
                </a:cxn>
                <a:cxn ang="0">
                  <a:pos x="T4" y="T5"/>
                </a:cxn>
                <a:cxn ang="0">
                  <a:pos x="T6" y="T7"/>
                </a:cxn>
              </a:cxnLst>
              <a:rect l="0" t="0" r="r" b="b"/>
              <a:pathLst>
                <a:path w="30" h="19">
                  <a:moveTo>
                    <a:pt x="30" y="19"/>
                  </a:moveTo>
                  <a:lnTo>
                    <a:pt x="0" y="9"/>
                  </a:lnTo>
                  <a:lnTo>
                    <a:pt x="30" y="0"/>
                  </a:lnTo>
                  <a:lnTo>
                    <a:pt x="30" y="19"/>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32" name="Freeform 55">
              <a:extLst>
                <a:ext uri="{FF2B5EF4-FFF2-40B4-BE49-F238E27FC236}">
                  <a16:creationId xmlns:a16="http://schemas.microsoft.com/office/drawing/2014/main" id="{AE25D490-26CF-4970-ACCB-A7015FA35135}"/>
                </a:ext>
              </a:extLst>
            </p:cNvPr>
            <p:cNvSpPr>
              <a:spLocks/>
            </p:cNvSpPr>
            <p:nvPr/>
          </p:nvSpPr>
          <p:spPr bwMode="auto">
            <a:xfrm>
              <a:off x="2893" y="1272"/>
              <a:ext cx="67" cy="40"/>
            </a:xfrm>
            <a:custGeom>
              <a:avLst/>
              <a:gdLst>
                <a:gd name="T0" fmla="*/ 0 w 67"/>
                <a:gd name="T1" fmla="*/ 3 h 40"/>
                <a:gd name="T2" fmla="*/ 7 w 67"/>
                <a:gd name="T3" fmla="*/ 0 h 40"/>
                <a:gd name="T4" fmla="*/ 67 w 67"/>
                <a:gd name="T5" fmla="*/ 21 h 40"/>
                <a:gd name="T6" fmla="*/ 7 w 67"/>
                <a:gd name="T7" fmla="*/ 40 h 40"/>
                <a:gd name="T8" fmla="*/ 0 w 67"/>
                <a:gd name="T9" fmla="*/ 38 h 40"/>
                <a:gd name="T10" fmla="*/ 0 w 67"/>
                <a:gd name="T11" fmla="*/ 3 h 40"/>
              </a:gdLst>
              <a:ahLst/>
              <a:cxnLst>
                <a:cxn ang="0">
                  <a:pos x="T0" y="T1"/>
                </a:cxn>
                <a:cxn ang="0">
                  <a:pos x="T2" y="T3"/>
                </a:cxn>
                <a:cxn ang="0">
                  <a:pos x="T4" y="T5"/>
                </a:cxn>
                <a:cxn ang="0">
                  <a:pos x="T6" y="T7"/>
                </a:cxn>
                <a:cxn ang="0">
                  <a:pos x="T8" y="T9"/>
                </a:cxn>
                <a:cxn ang="0">
                  <a:pos x="T10" y="T11"/>
                </a:cxn>
              </a:cxnLst>
              <a:rect l="0" t="0" r="r" b="b"/>
              <a:pathLst>
                <a:path w="67" h="40">
                  <a:moveTo>
                    <a:pt x="0" y="3"/>
                  </a:moveTo>
                  <a:lnTo>
                    <a:pt x="7" y="0"/>
                  </a:lnTo>
                  <a:lnTo>
                    <a:pt x="67" y="21"/>
                  </a:lnTo>
                  <a:lnTo>
                    <a:pt x="7" y="40"/>
                  </a:lnTo>
                  <a:lnTo>
                    <a:pt x="0" y="38"/>
                  </a:lnTo>
                  <a:lnTo>
                    <a:pt x="0" y="3"/>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33" name="Freeform 56">
              <a:extLst>
                <a:ext uri="{FF2B5EF4-FFF2-40B4-BE49-F238E27FC236}">
                  <a16:creationId xmlns:a16="http://schemas.microsoft.com/office/drawing/2014/main" id="{0FA8C1C0-4671-48F1-97CE-D8658AA2D624}"/>
                </a:ext>
              </a:extLst>
            </p:cNvPr>
            <p:cNvSpPr>
              <a:spLocks/>
            </p:cNvSpPr>
            <p:nvPr/>
          </p:nvSpPr>
          <p:spPr bwMode="auto">
            <a:xfrm>
              <a:off x="2835" y="1347"/>
              <a:ext cx="30" cy="19"/>
            </a:xfrm>
            <a:custGeom>
              <a:avLst/>
              <a:gdLst>
                <a:gd name="T0" fmla="*/ 30 w 30"/>
                <a:gd name="T1" fmla="*/ 19 h 19"/>
                <a:gd name="T2" fmla="*/ 0 w 30"/>
                <a:gd name="T3" fmla="*/ 9 h 19"/>
                <a:gd name="T4" fmla="*/ 30 w 30"/>
                <a:gd name="T5" fmla="*/ 0 h 19"/>
                <a:gd name="T6" fmla="*/ 30 w 30"/>
                <a:gd name="T7" fmla="*/ 19 h 19"/>
              </a:gdLst>
              <a:ahLst/>
              <a:cxnLst>
                <a:cxn ang="0">
                  <a:pos x="T0" y="T1"/>
                </a:cxn>
                <a:cxn ang="0">
                  <a:pos x="T2" y="T3"/>
                </a:cxn>
                <a:cxn ang="0">
                  <a:pos x="T4" y="T5"/>
                </a:cxn>
                <a:cxn ang="0">
                  <a:pos x="T6" y="T7"/>
                </a:cxn>
              </a:cxnLst>
              <a:rect l="0" t="0" r="r" b="b"/>
              <a:pathLst>
                <a:path w="30" h="19">
                  <a:moveTo>
                    <a:pt x="30" y="19"/>
                  </a:moveTo>
                  <a:lnTo>
                    <a:pt x="0" y="9"/>
                  </a:lnTo>
                  <a:lnTo>
                    <a:pt x="30" y="0"/>
                  </a:lnTo>
                  <a:lnTo>
                    <a:pt x="30" y="19"/>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34" name="Freeform 57">
              <a:extLst>
                <a:ext uri="{FF2B5EF4-FFF2-40B4-BE49-F238E27FC236}">
                  <a16:creationId xmlns:a16="http://schemas.microsoft.com/office/drawing/2014/main" id="{58914182-07D9-49CA-B8A0-FE15E36BABB8}"/>
                </a:ext>
              </a:extLst>
            </p:cNvPr>
            <p:cNvSpPr>
              <a:spLocks/>
            </p:cNvSpPr>
            <p:nvPr/>
          </p:nvSpPr>
          <p:spPr bwMode="auto">
            <a:xfrm>
              <a:off x="2893" y="1338"/>
              <a:ext cx="67" cy="39"/>
            </a:xfrm>
            <a:custGeom>
              <a:avLst/>
              <a:gdLst>
                <a:gd name="T0" fmla="*/ 0 w 67"/>
                <a:gd name="T1" fmla="*/ 0 h 39"/>
                <a:gd name="T2" fmla="*/ 7 w 67"/>
                <a:gd name="T3" fmla="*/ 0 h 39"/>
                <a:gd name="T4" fmla="*/ 67 w 67"/>
                <a:gd name="T5" fmla="*/ 18 h 39"/>
                <a:gd name="T6" fmla="*/ 7 w 67"/>
                <a:gd name="T7" fmla="*/ 39 h 39"/>
                <a:gd name="T8" fmla="*/ 0 w 67"/>
                <a:gd name="T9" fmla="*/ 37 h 39"/>
                <a:gd name="T10" fmla="*/ 0 w 67"/>
                <a:gd name="T11" fmla="*/ 0 h 39"/>
              </a:gdLst>
              <a:ahLst/>
              <a:cxnLst>
                <a:cxn ang="0">
                  <a:pos x="T0" y="T1"/>
                </a:cxn>
                <a:cxn ang="0">
                  <a:pos x="T2" y="T3"/>
                </a:cxn>
                <a:cxn ang="0">
                  <a:pos x="T4" y="T5"/>
                </a:cxn>
                <a:cxn ang="0">
                  <a:pos x="T6" y="T7"/>
                </a:cxn>
                <a:cxn ang="0">
                  <a:pos x="T8" y="T9"/>
                </a:cxn>
                <a:cxn ang="0">
                  <a:pos x="T10" y="T11"/>
                </a:cxn>
              </a:cxnLst>
              <a:rect l="0" t="0" r="r" b="b"/>
              <a:pathLst>
                <a:path w="67" h="39">
                  <a:moveTo>
                    <a:pt x="0" y="0"/>
                  </a:moveTo>
                  <a:lnTo>
                    <a:pt x="7" y="0"/>
                  </a:lnTo>
                  <a:lnTo>
                    <a:pt x="67" y="18"/>
                  </a:lnTo>
                  <a:lnTo>
                    <a:pt x="7" y="39"/>
                  </a:lnTo>
                  <a:lnTo>
                    <a:pt x="0" y="37"/>
                  </a:lnTo>
                  <a:lnTo>
                    <a:pt x="0"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35" name="Freeform 58">
              <a:extLst>
                <a:ext uri="{FF2B5EF4-FFF2-40B4-BE49-F238E27FC236}">
                  <a16:creationId xmlns:a16="http://schemas.microsoft.com/office/drawing/2014/main" id="{EF35D417-290F-42FC-B1AA-EAC7255E9E81}"/>
                </a:ext>
              </a:extLst>
            </p:cNvPr>
            <p:cNvSpPr>
              <a:spLocks/>
            </p:cNvSpPr>
            <p:nvPr/>
          </p:nvSpPr>
          <p:spPr bwMode="auto">
            <a:xfrm>
              <a:off x="2825" y="1410"/>
              <a:ext cx="40" cy="23"/>
            </a:xfrm>
            <a:custGeom>
              <a:avLst/>
              <a:gdLst>
                <a:gd name="T0" fmla="*/ 40 w 40"/>
                <a:gd name="T1" fmla="*/ 23 h 23"/>
                <a:gd name="T2" fmla="*/ 0 w 40"/>
                <a:gd name="T3" fmla="*/ 12 h 23"/>
                <a:gd name="T4" fmla="*/ 40 w 40"/>
                <a:gd name="T5" fmla="*/ 0 h 23"/>
                <a:gd name="T6" fmla="*/ 40 w 40"/>
                <a:gd name="T7" fmla="*/ 23 h 23"/>
              </a:gdLst>
              <a:ahLst/>
              <a:cxnLst>
                <a:cxn ang="0">
                  <a:pos x="T0" y="T1"/>
                </a:cxn>
                <a:cxn ang="0">
                  <a:pos x="T2" y="T3"/>
                </a:cxn>
                <a:cxn ang="0">
                  <a:pos x="T4" y="T5"/>
                </a:cxn>
                <a:cxn ang="0">
                  <a:pos x="T6" y="T7"/>
                </a:cxn>
              </a:cxnLst>
              <a:rect l="0" t="0" r="r" b="b"/>
              <a:pathLst>
                <a:path w="40" h="23">
                  <a:moveTo>
                    <a:pt x="40" y="23"/>
                  </a:moveTo>
                  <a:lnTo>
                    <a:pt x="0" y="12"/>
                  </a:lnTo>
                  <a:lnTo>
                    <a:pt x="40" y="0"/>
                  </a:lnTo>
                  <a:lnTo>
                    <a:pt x="40" y="23"/>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36" name="Freeform 59">
              <a:extLst>
                <a:ext uri="{FF2B5EF4-FFF2-40B4-BE49-F238E27FC236}">
                  <a16:creationId xmlns:a16="http://schemas.microsoft.com/office/drawing/2014/main" id="{5BE4432E-ECA6-46B2-AE22-88BC45771707}"/>
                </a:ext>
              </a:extLst>
            </p:cNvPr>
            <p:cNvSpPr>
              <a:spLocks/>
            </p:cNvSpPr>
            <p:nvPr/>
          </p:nvSpPr>
          <p:spPr bwMode="auto">
            <a:xfrm>
              <a:off x="2893" y="1398"/>
              <a:ext cx="77" cy="45"/>
            </a:xfrm>
            <a:custGeom>
              <a:avLst/>
              <a:gdLst>
                <a:gd name="T0" fmla="*/ 0 w 77"/>
                <a:gd name="T1" fmla="*/ 3 h 45"/>
                <a:gd name="T2" fmla="*/ 7 w 77"/>
                <a:gd name="T3" fmla="*/ 0 h 45"/>
                <a:gd name="T4" fmla="*/ 77 w 77"/>
                <a:gd name="T5" fmla="*/ 24 h 45"/>
                <a:gd name="T6" fmla="*/ 7 w 77"/>
                <a:gd name="T7" fmla="*/ 45 h 45"/>
                <a:gd name="T8" fmla="*/ 0 w 77"/>
                <a:gd name="T9" fmla="*/ 45 h 45"/>
                <a:gd name="T10" fmla="*/ 0 w 77"/>
                <a:gd name="T11" fmla="*/ 3 h 45"/>
              </a:gdLst>
              <a:ahLst/>
              <a:cxnLst>
                <a:cxn ang="0">
                  <a:pos x="T0" y="T1"/>
                </a:cxn>
                <a:cxn ang="0">
                  <a:pos x="T2" y="T3"/>
                </a:cxn>
                <a:cxn ang="0">
                  <a:pos x="T4" y="T5"/>
                </a:cxn>
                <a:cxn ang="0">
                  <a:pos x="T6" y="T7"/>
                </a:cxn>
                <a:cxn ang="0">
                  <a:pos x="T8" y="T9"/>
                </a:cxn>
                <a:cxn ang="0">
                  <a:pos x="T10" y="T11"/>
                </a:cxn>
              </a:cxnLst>
              <a:rect l="0" t="0" r="r" b="b"/>
              <a:pathLst>
                <a:path w="77" h="45">
                  <a:moveTo>
                    <a:pt x="0" y="3"/>
                  </a:moveTo>
                  <a:lnTo>
                    <a:pt x="7" y="0"/>
                  </a:lnTo>
                  <a:lnTo>
                    <a:pt x="77" y="24"/>
                  </a:lnTo>
                  <a:lnTo>
                    <a:pt x="7" y="45"/>
                  </a:lnTo>
                  <a:lnTo>
                    <a:pt x="0" y="45"/>
                  </a:lnTo>
                  <a:lnTo>
                    <a:pt x="0" y="3"/>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37" name="Freeform 60">
              <a:extLst>
                <a:ext uri="{FF2B5EF4-FFF2-40B4-BE49-F238E27FC236}">
                  <a16:creationId xmlns:a16="http://schemas.microsoft.com/office/drawing/2014/main" id="{8391A306-B97C-4E63-BBB2-A811ADD69325}"/>
                </a:ext>
              </a:extLst>
            </p:cNvPr>
            <p:cNvSpPr>
              <a:spLocks/>
            </p:cNvSpPr>
            <p:nvPr/>
          </p:nvSpPr>
          <p:spPr bwMode="auto">
            <a:xfrm>
              <a:off x="2821" y="1471"/>
              <a:ext cx="44" cy="28"/>
            </a:xfrm>
            <a:custGeom>
              <a:avLst/>
              <a:gdLst>
                <a:gd name="T0" fmla="*/ 44 w 44"/>
                <a:gd name="T1" fmla="*/ 28 h 28"/>
                <a:gd name="T2" fmla="*/ 0 w 44"/>
                <a:gd name="T3" fmla="*/ 14 h 28"/>
                <a:gd name="T4" fmla="*/ 44 w 44"/>
                <a:gd name="T5" fmla="*/ 0 h 28"/>
                <a:gd name="T6" fmla="*/ 44 w 44"/>
                <a:gd name="T7" fmla="*/ 28 h 28"/>
              </a:gdLst>
              <a:ahLst/>
              <a:cxnLst>
                <a:cxn ang="0">
                  <a:pos x="T0" y="T1"/>
                </a:cxn>
                <a:cxn ang="0">
                  <a:pos x="T2" y="T3"/>
                </a:cxn>
                <a:cxn ang="0">
                  <a:pos x="T4" y="T5"/>
                </a:cxn>
                <a:cxn ang="0">
                  <a:pos x="T6" y="T7"/>
                </a:cxn>
              </a:cxnLst>
              <a:rect l="0" t="0" r="r" b="b"/>
              <a:pathLst>
                <a:path w="44" h="28">
                  <a:moveTo>
                    <a:pt x="44" y="28"/>
                  </a:moveTo>
                  <a:lnTo>
                    <a:pt x="0" y="14"/>
                  </a:lnTo>
                  <a:lnTo>
                    <a:pt x="44" y="0"/>
                  </a:lnTo>
                  <a:lnTo>
                    <a:pt x="44" y="28"/>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38" name="Freeform 61">
              <a:extLst>
                <a:ext uri="{FF2B5EF4-FFF2-40B4-BE49-F238E27FC236}">
                  <a16:creationId xmlns:a16="http://schemas.microsoft.com/office/drawing/2014/main" id="{DF58B5F0-9531-4F04-9B76-734CECAADB15}"/>
                </a:ext>
              </a:extLst>
            </p:cNvPr>
            <p:cNvSpPr>
              <a:spLocks/>
            </p:cNvSpPr>
            <p:nvPr/>
          </p:nvSpPr>
          <p:spPr bwMode="auto">
            <a:xfrm>
              <a:off x="2893" y="1461"/>
              <a:ext cx="42" cy="49"/>
            </a:xfrm>
            <a:custGeom>
              <a:avLst/>
              <a:gdLst>
                <a:gd name="T0" fmla="*/ 0 w 42"/>
                <a:gd name="T1" fmla="*/ 0 h 49"/>
                <a:gd name="T2" fmla="*/ 7 w 42"/>
                <a:gd name="T3" fmla="*/ 0 h 49"/>
                <a:gd name="T4" fmla="*/ 42 w 42"/>
                <a:gd name="T5" fmla="*/ 12 h 49"/>
                <a:gd name="T6" fmla="*/ 42 w 42"/>
                <a:gd name="T7" fmla="*/ 38 h 49"/>
                <a:gd name="T8" fmla="*/ 7 w 42"/>
                <a:gd name="T9" fmla="*/ 49 h 49"/>
                <a:gd name="T10" fmla="*/ 0 w 42"/>
                <a:gd name="T11" fmla="*/ 47 h 49"/>
                <a:gd name="T12" fmla="*/ 0 w 42"/>
                <a:gd name="T13" fmla="*/ 0 h 49"/>
              </a:gdLst>
              <a:ahLst/>
              <a:cxnLst>
                <a:cxn ang="0">
                  <a:pos x="T0" y="T1"/>
                </a:cxn>
                <a:cxn ang="0">
                  <a:pos x="T2" y="T3"/>
                </a:cxn>
                <a:cxn ang="0">
                  <a:pos x="T4" y="T5"/>
                </a:cxn>
                <a:cxn ang="0">
                  <a:pos x="T6" y="T7"/>
                </a:cxn>
                <a:cxn ang="0">
                  <a:pos x="T8" y="T9"/>
                </a:cxn>
                <a:cxn ang="0">
                  <a:pos x="T10" y="T11"/>
                </a:cxn>
                <a:cxn ang="0">
                  <a:pos x="T12" y="T13"/>
                </a:cxn>
              </a:cxnLst>
              <a:rect l="0" t="0" r="r" b="b"/>
              <a:pathLst>
                <a:path w="42" h="49">
                  <a:moveTo>
                    <a:pt x="0" y="0"/>
                  </a:moveTo>
                  <a:lnTo>
                    <a:pt x="7" y="0"/>
                  </a:lnTo>
                  <a:lnTo>
                    <a:pt x="42" y="12"/>
                  </a:lnTo>
                  <a:lnTo>
                    <a:pt x="42" y="38"/>
                  </a:lnTo>
                  <a:lnTo>
                    <a:pt x="7" y="49"/>
                  </a:lnTo>
                  <a:lnTo>
                    <a:pt x="0" y="47"/>
                  </a:lnTo>
                  <a:lnTo>
                    <a:pt x="0"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39" name="Freeform 62">
              <a:extLst>
                <a:ext uri="{FF2B5EF4-FFF2-40B4-BE49-F238E27FC236}">
                  <a16:creationId xmlns:a16="http://schemas.microsoft.com/office/drawing/2014/main" id="{36F5D5EC-E649-4566-904F-E573759E382C}"/>
                </a:ext>
              </a:extLst>
            </p:cNvPr>
            <p:cNvSpPr>
              <a:spLocks/>
            </p:cNvSpPr>
            <p:nvPr/>
          </p:nvSpPr>
          <p:spPr bwMode="auto">
            <a:xfrm>
              <a:off x="2821" y="1536"/>
              <a:ext cx="44" cy="26"/>
            </a:xfrm>
            <a:custGeom>
              <a:avLst/>
              <a:gdLst>
                <a:gd name="T0" fmla="*/ 44 w 44"/>
                <a:gd name="T1" fmla="*/ 26 h 26"/>
                <a:gd name="T2" fmla="*/ 0 w 44"/>
                <a:gd name="T3" fmla="*/ 14 h 26"/>
                <a:gd name="T4" fmla="*/ 44 w 44"/>
                <a:gd name="T5" fmla="*/ 0 h 26"/>
                <a:gd name="T6" fmla="*/ 44 w 44"/>
                <a:gd name="T7" fmla="*/ 26 h 26"/>
              </a:gdLst>
              <a:ahLst/>
              <a:cxnLst>
                <a:cxn ang="0">
                  <a:pos x="T0" y="T1"/>
                </a:cxn>
                <a:cxn ang="0">
                  <a:pos x="T2" y="T3"/>
                </a:cxn>
                <a:cxn ang="0">
                  <a:pos x="T4" y="T5"/>
                </a:cxn>
                <a:cxn ang="0">
                  <a:pos x="T6" y="T7"/>
                </a:cxn>
              </a:cxnLst>
              <a:rect l="0" t="0" r="r" b="b"/>
              <a:pathLst>
                <a:path w="44" h="26">
                  <a:moveTo>
                    <a:pt x="44" y="26"/>
                  </a:moveTo>
                  <a:lnTo>
                    <a:pt x="0" y="14"/>
                  </a:lnTo>
                  <a:lnTo>
                    <a:pt x="44" y="0"/>
                  </a:lnTo>
                  <a:lnTo>
                    <a:pt x="44" y="26"/>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40" name="Freeform 63">
              <a:extLst>
                <a:ext uri="{FF2B5EF4-FFF2-40B4-BE49-F238E27FC236}">
                  <a16:creationId xmlns:a16="http://schemas.microsoft.com/office/drawing/2014/main" id="{27663788-3555-4827-8707-FC95BE9E9F11}"/>
                </a:ext>
              </a:extLst>
            </p:cNvPr>
            <p:cNvSpPr>
              <a:spLocks/>
            </p:cNvSpPr>
            <p:nvPr/>
          </p:nvSpPr>
          <p:spPr bwMode="auto">
            <a:xfrm>
              <a:off x="2893" y="1524"/>
              <a:ext cx="42" cy="49"/>
            </a:xfrm>
            <a:custGeom>
              <a:avLst/>
              <a:gdLst>
                <a:gd name="T0" fmla="*/ 0 w 42"/>
                <a:gd name="T1" fmla="*/ 3 h 49"/>
                <a:gd name="T2" fmla="*/ 7 w 42"/>
                <a:gd name="T3" fmla="*/ 0 h 49"/>
                <a:gd name="T4" fmla="*/ 42 w 42"/>
                <a:gd name="T5" fmla="*/ 12 h 49"/>
                <a:gd name="T6" fmla="*/ 42 w 42"/>
                <a:gd name="T7" fmla="*/ 38 h 49"/>
                <a:gd name="T8" fmla="*/ 7 w 42"/>
                <a:gd name="T9" fmla="*/ 49 h 49"/>
                <a:gd name="T10" fmla="*/ 0 w 42"/>
                <a:gd name="T11" fmla="*/ 47 h 49"/>
                <a:gd name="T12" fmla="*/ 0 w 42"/>
                <a:gd name="T13" fmla="*/ 3 h 49"/>
              </a:gdLst>
              <a:ahLst/>
              <a:cxnLst>
                <a:cxn ang="0">
                  <a:pos x="T0" y="T1"/>
                </a:cxn>
                <a:cxn ang="0">
                  <a:pos x="T2" y="T3"/>
                </a:cxn>
                <a:cxn ang="0">
                  <a:pos x="T4" y="T5"/>
                </a:cxn>
                <a:cxn ang="0">
                  <a:pos x="T6" y="T7"/>
                </a:cxn>
                <a:cxn ang="0">
                  <a:pos x="T8" y="T9"/>
                </a:cxn>
                <a:cxn ang="0">
                  <a:pos x="T10" y="T11"/>
                </a:cxn>
                <a:cxn ang="0">
                  <a:pos x="T12" y="T13"/>
                </a:cxn>
              </a:cxnLst>
              <a:rect l="0" t="0" r="r" b="b"/>
              <a:pathLst>
                <a:path w="42" h="49">
                  <a:moveTo>
                    <a:pt x="0" y="3"/>
                  </a:moveTo>
                  <a:lnTo>
                    <a:pt x="7" y="0"/>
                  </a:lnTo>
                  <a:lnTo>
                    <a:pt x="42" y="12"/>
                  </a:lnTo>
                  <a:lnTo>
                    <a:pt x="42" y="38"/>
                  </a:lnTo>
                  <a:lnTo>
                    <a:pt x="7" y="49"/>
                  </a:lnTo>
                  <a:lnTo>
                    <a:pt x="0" y="47"/>
                  </a:lnTo>
                  <a:lnTo>
                    <a:pt x="0" y="3"/>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41" name="Freeform 64">
              <a:extLst>
                <a:ext uri="{FF2B5EF4-FFF2-40B4-BE49-F238E27FC236}">
                  <a16:creationId xmlns:a16="http://schemas.microsoft.com/office/drawing/2014/main" id="{C51A028C-E251-41C3-A898-5B52581DF045}"/>
                </a:ext>
              </a:extLst>
            </p:cNvPr>
            <p:cNvSpPr>
              <a:spLocks/>
            </p:cNvSpPr>
            <p:nvPr/>
          </p:nvSpPr>
          <p:spPr bwMode="auto">
            <a:xfrm>
              <a:off x="2821" y="1599"/>
              <a:ext cx="44" cy="28"/>
            </a:xfrm>
            <a:custGeom>
              <a:avLst/>
              <a:gdLst>
                <a:gd name="T0" fmla="*/ 44 w 44"/>
                <a:gd name="T1" fmla="*/ 28 h 28"/>
                <a:gd name="T2" fmla="*/ 0 w 44"/>
                <a:gd name="T3" fmla="*/ 14 h 28"/>
                <a:gd name="T4" fmla="*/ 44 w 44"/>
                <a:gd name="T5" fmla="*/ 0 h 28"/>
                <a:gd name="T6" fmla="*/ 44 w 44"/>
                <a:gd name="T7" fmla="*/ 28 h 28"/>
              </a:gdLst>
              <a:ahLst/>
              <a:cxnLst>
                <a:cxn ang="0">
                  <a:pos x="T0" y="T1"/>
                </a:cxn>
                <a:cxn ang="0">
                  <a:pos x="T2" y="T3"/>
                </a:cxn>
                <a:cxn ang="0">
                  <a:pos x="T4" y="T5"/>
                </a:cxn>
                <a:cxn ang="0">
                  <a:pos x="T6" y="T7"/>
                </a:cxn>
              </a:cxnLst>
              <a:rect l="0" t="0" r="r" b="b"/>
              <a:pathLst>
                <a:path w="44" h="28">
                  <a:moveTo>
                    <a:pt x="44" y="28"/>
                  </a:moveTo>
                  <a:lnTo>
                    <a:pt x="0" y="14"/>
                  </a:lnTo>
                  <a:lnTo>
                    <a:pt x="44" y="0"/>
                  </a:lnTo>
                  <a:lnTo>
                    <a:pt x="44" y="28"/>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42" name="Freeform 65">
              <a:extLst>
                <a:ext uri="{FF2B5EF4-FFF2-40B4-BE49-F238E27FC236}">
                  <a16:creationId xmlns:a16="http://schemas.microsoft.com/office/drawing/2014/main" id="{2FEF65CE-B654-4E9A-9074-723AA635217A}"/>
                </a:ext>
              </a:extLst>
            </p:cNvPr>
            <p:cNvSpPr>
              <a:spLocks/>
            </p:cNvSpPr>
            <p:nvPr/>
          </p:nvSpPr>
          <p:spPr bwMode="auto">
            <a:xfrm>
              <a:off x="2893" y="1590"/>
              <a:ext cx="42" cy="46"/>
            </a:xfrm>
            <a:custGeom>
              <a:avLst/>
              <a:gdLst>
                <a:gd name="T0" fmla="*/ 0 w 42"/>
                <a:gd name="T1" fmla="*/ 0 h 46"/>
                <a:gd name="T2" fmla="*/ 7 w 42"/>
                <a:gd name="T3" fmla="*/ 0 h 46"/>
                <a:gd name="T4" fmla="*/ 42 w 42"/>
                <a:gd name="T5" fmla="*/ 9 h 46"/>
                <a:gd name="T6" fmla="*/ 42 w 42"/>
                <a:gd name="T7" fmla="*/ 37 h 46"/>
                <a:gd name="T8" fmla="*/ 7 w 42"/>
                <a:gd name="T9" fmla="*/ 46 h 46"/>
                <a:gd name="T10" fmla="*/ 0 w 42"/>
                <a:gd name="T11" fmla="*/ 46 h 46"/>
                <a:gd name="T12" fmla="*/ 0 w 42"/>
                <a:gd name="T13" fmla="*/ 0 h 46"/>
              </a:gdLst>
              <a:ahLst/>
              <a:cxnLst>
                <a:cxn ang="0">
                  <a:pos x="T0" y="T1"/>
                </a:cxn>
                <a:cxn ang="0">
                  <a:pos x="T2" y="T3"/>
                </a:cxn>
                <a:cxn ang="0">
                  <a:pos x="T4" y="T5"/>
                </a:cxn>
                <a:cxn ang="0">
                  <a:pos x="T6" y="T7"/>
                </a:cxn>
                <a:cxn ang="0">
                  <a:pos x="T8" y="T9"/>
                </a:cxn>
                <a:cxn ang="0">
                  <a:pos x="T10" y="T11"/>
                </a:cxn>
                <a:cxn ang="0">
                  <a:pos x="T12" y="T13"/>
                </a:cxn>
              </a:cxnLst>
              <a:rect l="0" t="0" r="r" b="b"/>
              <a:pathLst>
                <a:path w="42" h="46">
                  <a:moveTo>
                    <a:pt x="0" y="0"/>
                  </a:moveTo>
                  <a:lnTo>
                    <a:pt x="7" y="0"/>
                  </a:lnTo>
                  <a:lnTo>
                    <a:pt x="42" y="9"/>
                  </a:lnTo>
                  <a:lnTo>
                    <a:pt x="42" y="37"/>
                  </a:lnTo>
                  <a:lnTo>
                    <a:pt x="7" y="46"/>
                  </a:lnTo>
                  <a:lnTo>
                    <a:pt x="0" y="46"/>
                  </a:lnTo>
                  <a:lnTo>
                    <a:pt x="0"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43" name="Freeform 66">
              <a:extLst>
                <a:ext uri="{FF2B5EF4-FFF2-40B4-BE49-F238E27FC236}">
                  <a16:creationId xmlns:a16="http://schemas.microsoft.com/office/drawing/2014/main" id="{FED8B14B-B14E-429E-BE34-716595284D16}"/>
                </a:ext>
              </a:extLst>
            </p:cNvPr>
            <p:cNvSpPr>
              <a:spLocks/>
            </p:cNvSpPr>
            <p:nvPr/>
          </p:nvSpPr>
          <p:spPr bwMode="auto">
            <a:xfrm>
              <a:off x="2821" y="1664"/>
              <a:ext cx="44" cy="26"/>
            </a:xfrm>
            <a:custGeom>
              <a:avLst/>
              <a:gdLst>
                <a:gd name="T0" fmla="*/ 44 w 44"/>
                <a:gd name="T1" fmla="*/ 26 h 26"/>
                <a:gd name="T2" fmla="*/ 0 w 44"/>
                <a:gd name="T3" fmla="*/ 14 h 26"/>
                <a:gd name="T4" fmla="*/ 44 w 44"/>
                <a:gd name="T5" fmla="*/ 0 h 26"/>
                <a:gd name="T6" fmla="*/ 44 w 44"/>
                <a:gd name="T7" fmla="*/ 26 h 26"/>
              </a:gdLst>
              <a:ahLst/>
              <a:cxnLst>
                <a:cxn ang="0">
                  <a:pos x="T0" y="T1"/>
                </a:cxn>
                <a:cxn ang="0">
                  <a:pos x="T2" y="T3"/>
                </a:cxn>
                <a:cxn ang="0">
                  <a:pos x="T4" y="T5"/>
                </a:cxn>
                <a:cxn ang="0">
                  <a:pos x="T6" y="T7"/>
                </a:cxn>
              </a:cxnLst>
              <a:rect l="0" t="0" r="r" b="b"/>
              <a:pathLst>
                <a:path w="44" h="26">
                  <a:moveTo>
                    <a:pt x="44" y="26"/>
                  </a:moveTo>
                  <a:lnTo>
                    <a:pt x="0" y="14"/>
                  </a:lnTo>
                  <a:lnTo>
                    <a:pt x="44" y="0"/>
                  </a:lnTo>
                  <a:lnTo>
                    <a:pt x="44" y="26"/>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44" name="Freeform 67">
              <a:extLst>
                <a:ext uri="{FF2B5EF4-FFF2-40B4-BE49-F238E27FC236}">
                  <a16:creationId xmlns:a16="http://schemas.microsoft.com/office/drawing/2014/main" id="{0BFCA8A2-9305-4A93-A3D9-C5713C1387DE}"/>
                </a:ext>
              </a:extLst>
            </p:cNvPr>
            <p:cNvSpPr>
              <a:spLocks/>
            </p:cNvSpPr>
            <p:nvPr/>
          </p:nvSpPr>
          <p:spPr bwMode="auto">
            <a:xfrm>
              <a:off x="2893" y="1653"/>
              <a:ext cx="42" cy="49"/>
            </a:xfrm>
            <a:custGeom>
              <a:avLst/>
              <a:gdLst>
                <a:gd name="T0" fmla="*/ 0 w 42"/>
                <a:gd name="T1" fmla="*/ 2 h 49"/>
                <a:gd name="T2" fmla="*/ 7 w 42"/>
                <a:gd name="T3" fmla="*/ 0 h 49"/>
                <a:gd name="T4" fmla="*/ 42 w 42"/>
                <a:gd name="T5" fmla="*/ 11 h 49"/>
                <a:gd name="T6" fmla="*/ 42 w 42"/>
                <a:gd name="T7" fmla="*/ 37 h 49"/>
                <a:gd name="T8" fmla="*/ 7 w 42"/>
                <a:gd name="T9" fmla="*/ 49 h 49"/>
                <a:gd name="T10" fmla="*/ 0 w 42"/>
                <a:gd name="T11" fmla="*/ 46 h 49"/>
                <a:gd name="T12" fmla="*/ 0 w 42"/>
                <a:gd name="T13" fmla="*/ 2 h 49"/>
              </a:gdLst>
              <a:ahLst/>
              <a:cxnLst>
                <a:cxn ang="0">
                  <a:pos x="T0" y="T1"/>
                </a:cxn>
                <a:cxn ang="0">
                  <a:pos x="T2" y="T3"/>
                </a:cxn>
                <a:cxn ang="0">
                  <a:pos x="T4" y="T5"/>
                </a:cxn>
                <a:cxn ang="0">
                  <a:pos x="T6" y="T7"/>
                </a:cxn>
                <a:cxn ang="0">
                  <a:pos x="T8" y="T9"/>
                </a:cxn>
                <a:cxn ang="0">
                  <a:pos x="T10" y="T11"/>
                </a:cxn>
                <a:cxn ang="0">
                  <a:pos x="T12" y="T13"/>
                </a:cxn>
              </a:cxnLst>
              <a:rect l="0" t="0" r="r" b="b"/>
              <a:pathLst>
                <a:path w="42" h="49">
                  <a:moveTo>
                    <a:pt x="0" y="2"/>
                  </a:moveTo>
                  <a:lnTo>
                    <a:pt x="7" y="0"/>
                  </a:lnTo>
                  <a:lnTo>
                    <a:pt x="42" y="11"/>
                  </a:lnTo>
                  <a:lnTo>
                    <a:pt x="42" y="37"/>
                  </a:lnTo>
                  <a:lnTo>
                    <a:pt x="7" y="49"/>
                  </a:lnTo>
                  <a:lnTo>
                    <a:pt x="0" y="46"/>
                  </a:lnTo>
                  <a:lnTo>
                    <a:pt x="0" y="2"/>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45" name="Freeform 68">
              <a:extLst>
                <a:ext uri="{FF2B5EF4-FFF2-40B4-BE49-F238E27FC236}">
                  <a16:creationId xmlns:a16="http://schemas.microsoft.com/office/drawing/2014/main" id="{3C2E7B12-E067-4D8B-AD4A-76113B550D2F}"/>
                </a:ext>
              </a:extLst>
            </p:cNvPr>
            <p:cNvSpPr>
              <a:spLocks/>
            </p:cNvSpPr>
            <p:nvPr/>
          </p:nvSpPr>
          <p:spPr bwMode="auto">
            <a:xfrm>
              <a:off x="2904" y="1174"/>
              <a:ext cx="70" cy="45"/>
            </a:xfrm>
            <a:custGeom>
              <a:avLst/>
              <a:gdLst>
                <a:gd name="T0" fmla="*/ 70 w 70"/>
                <a:gd name="T1" fmla="*/ 26 h 45"/>
                <a:gd name="T2" fmla="*/ 70 w 70"/>
                <a:gd name="T3" fmla="*/ 45 h 45"/>
                <a:gd name="T4" fmla="*/ 0 w 70"/>
                <a:gd name="T5" fmla="*/ 21 h 45"/>
                <a:gd name="T6" fmla="*/ 68 w 70"/>
                <a:gd name="T7" fmla="*/ 0 h 45"/>
                <a:gd name="T8" fmla="*/ 70 w 70"/>
                <a:gd name="T9" fmla="*/ 26 h 45"/>
              </a:gdLst>
              <a:ahLst/>
              <a:cxnLst>
                <a:cxn ang="0">
                  <a:pos x="T0" y="T1"/>
                </a:cxn>
                <a:cxn ang="0">
                  <a:pos x="T2" y="T3"/>
                </a:cxn>
                <a:cxn ang="0">
                  <a:pos x="T4" y="T5"/>
                </a:cxn>
                <a:cxn ang="0">
                  <a:pos x="T6" y="T7"/>
                </a:cxn>
                <a:cxn ang="0">
                  <a:pos x="T8" y="T9"/>
                </a:cxn>
              </a:cxnLst>
              <a:rect l="0" t="0" r="r" b="b"/>
              <a:pathLst>
                <a:path w="70" h="45">
                  <a:moveTo>
                    <a:pt x="70" y="26"/>
                  </a:moveTo>
                  <a:lnTo>
                    <a:pt x="70" y="45"/>
                  </a:lnTo>
                  <a:lnTo>
                    <a:pt x="0" y="21"/>
                  </a:lnTo>
                  <a:lnTo>
                    <a:pt x="68" y="0"/>
                  </a:lnTo>
                  <a:lnTo>
                    <a:pt x="70" y="26"/>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46" name="Rectangle 69">
              <a:extLst>
                <a:ext uri="{FF2B5EF4-FFF2-40B4-BE49-F238E27FC236}">
                  <a16:creationId xmlns:a16="http://schemas.microsoft.com/office/drawing/2014/main" id="{A498E451-49AC-416E-9474-552C59B10B3E}"/>
                </a:ext>
              </a:extLst>
            </p:cNvPr>
            <p:cNvSpPr>
              <a:spLocks noChangeArrowheads="1"/>
            </p:cNvSpPr>
            <p:nvPr/>
          </p:nvSpPr>
          <p:spPr bwMode="auto">
            <a:xfrm>
              <a:off x="2856" y="687"/>
              <a:ext cx="9" cy="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47" name="Freeform 70">
              <a:extLst>
                <a:ext uri="{FF2B5EF4-FFF2-40B4-BE49-F238E27FC236}">
                  <a16:creationId xmlns:a16="http://schemas.microsoft.com/office/drawing/2014/main" id="{83ABD92D-AD36-4FAB-A754-D8A43B31FDAF}"/>
                </a:ext>
              </a:extLst>
            </p:cNvPr>
            <p:cNvSpPr>
              <a:spLocks/>
            </p:cNvSpPr>
            <p:nvPr/>
          </p:nvSpPr>
          <p:spPr bwMode="auto">
            <a:xfrm>
              <a:off x="2893" y="687"/>
              <a:ext cx="9" cy="72"/>
            </a:xfrm>
            <a:custGeom>
              <a:avLst/>
              <a:gdLst>
                <a:gd name="T0" fmla="*/ 0 w 9"/>
                <a:gd name="T1" fmla="*/ 72 h 72"/>
                <a:gd name="T2" fmla="*/ 0 w 9"/>
                <a:gd name="T3" fmla="*/ 0 h 72"/>
                <a:gd name="T4" fmla="*/ 2 w 9"/>
                <a:gd name="T5" fmla="*/ 0 h 72"/>
                <a:gd name="T6" fmla="*/ 9 w 9"/>
                <a:gd name="T7" fmla="*/ 0 h 72"/>
                <a:gd name="T8" fmla="*/ 9 w 9"/>
                <a:gd name="T9" fmla="*/ 72 h 72"/>
                <a:gd name="T10" fmla="*/ 0 w 9"/>
                <a:gd name="T11" fmla="*/ 72 h 72"/>
              </a:gdLst>
              <a:ahLst/>
              <a:cxnLst>
                <a:cxn ang="0">
                  <a:pos x="T0" y="T1"/>
                </a:cxn>
                <a:cxn ang="0">
                  <a:pos x="T2" y="T3"/>
                </a:cxn>
                <a:cxn ang="0">
                  <a:pos x="T4" y="T5"/>
                </a:cxn>
                <a:cxn ang="0">
                  <a:pos x="T6" y="T7"/>
                </a:cxn>
                <a:cxn ang="0">
                  <a:pos x="T8" y="T9"/>
                </a:cxn>
                <a:cxn ang="0">
                  <a:pos x="T10" y="T11"/>
                </a:cxn>
              </a:cxnLst>
              <a:rect l="0" t="0" r="r" b="b"/>
              <a:pathLst>
                <a:path w="9" h="72">
                  <a:moveTo>
                    <a:pt x="0" y="72"/>
                  </a:moveTo>
                  <a:lnTo>
                    <a:pt x="0" y="0"/>
                  </a:lnTo>
                  <a:lnTo>
                    <a:pt x="2" y="0"/>
                  </a:lnTo>
                  <a:lnTo>
                    <a:pt x="9" y="0"/>
                  </a:lnTo>
                  <a:lnTo>
                    <a:pt x="9" y="72"/>
                  </a:lnTo>
                  <a:lnTo>
                    <a:pt x="0" y="72"/>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48" name="Freeform 71">
              <a:extLst>
                <a:ext uri="{FF2B5EF4-FFF2-40B4-BE49-F238E27FC236}">
                  <a16:creationId xmlns:a16="http://schemas.microsoft.com/office/drawing/2014/main" id="{C56F0000-ADB6-4BB7-B7FC-7E34CD4D95C0}"/>
                </a:ext>
              </a:extLst>
            </p:cNvPr>
            <p:cNvSpPr>
              <a:spLocks/>
            </p:cNvSpPr>
            <p:nvPr/>
          </p:nvSpPr>
          <p:spPr bwMode="auto">
            <a:xfrm>
              <a:off x="2809" y="1170"/>
              <a:ext cx="56" cy="51"/>
            </a:xfrm>
            <a:custGeom>
              <a:avLst/>
              <a:gdLst>
                <a:gd name="T0" fmla="*/ 5 w 56"/>
                <a:gd name="T1" fmla="*/ 0 h 51"/>
                <a:gd name="T2" fmla="*/ 56 w 56"/>
                <a:gd name="T3" fmla="*/ 16 h 51"/>
                <a:gd name="T4" fmla="*/ 56 w 56"/>
                <a:gd name="T5" fmla="*/ 32 h 51"/>
                <a:gd name="T6" fmla="*/ 0 w 56"/>
                <a:gd name="T7" fmla="*/ 51 h 51"/>
                <a:gd name="T8" fmla="*/ 0 w 56"/>
                <a:gd name="T9" fmla="*/ 30 h 51"/>
                <a:gd name="T10" fmla="*/ 5 w 56"/>
                <a:gd name="T11" fmla="*/ 0 h 51"/>
              </a:gdLst>
              <a:ahLst/>
              <a:cxnLst>
                <a:cxn ang="0">
                  <a:pos x="T0" y="T1"/>
                </a:cxn>
                <a:cxn ang="0">
                  <a:pos x="T2" y="T3"/>
                </a:cxn>
                <a:cxn ang="0">
                  <a:pos x="T4" y="T5"/>
                </a:cxn>
                <a:cxn ang="0">
                  <a:pos x="T6" y="T7"/>
                </a:cxn>
                <a:cxn ang="0">
                  <a:pos x="T8" y="T9"/>
                </a:cxn>
                <a:cxn ang="0">
                  <a:pos x="T10" y="T11"/>
                </a:cxn>
              </a:cxnLst>
              <a:rect l="0" t="0" r="r" b="b"/>
              <a:pathLst>
                <a:path w="56" h="51">
                  <a:moveTo>
                    <a:pt x="5" y="0"/>
                  </a:moveTo>
                  <a:lnTo>
                    <a:pt x="56" y="16"/>
                  </a:lnTo>
                  <a:lnTo>
                    <a:pt x="56" y="32"/>
                  </a:lnTo>
                  <a:lnTo>
                    <a:pt x="0" y="51"/>
                  </a:lnTo>
                  <a:lnTo>
                    <a:pt x="0" y="30"/>
                  </a:lnTo>
                  <a:lnTo>
                    <a:pt x="5"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49" name="Freeform 72">
              <a:extLst>
                <a:ext uri="{FF2B5EF4-FFF2-40B4-BE49-F238E27FC236}">
                  <a16:creationId xmlns:a16="http://schemas.microsoft.com/office/drawing/2014/main" id="{2D18A2AD-AF45-440E-BC89-895D79C26751}"/>
                </a:ext>
              </a:extLst>
            </p:cNvPr>
            <p:cNvSpPr>
              <a:spLocks/>
            </p:cNvSpPr>
            <p:nvPr/>
          </p:nvSpPr>
          <p:spPr bwMode="auto">
            <a:xfrm>
              <a:off x="2893" y="2229"/>
              <a:ext cx="326" cy="100"/>
            </a:xfrm>
            <a:custGeom>
              <a:avLst/>
              <a:gdLst>
                <a:gd name="T0" fmla="*/ 326 w 326"/>
                <a:gd name="T1" fmla="*/ 0 h 100"/>
                <a:gd name="T2" fmla="*/ 326 w 326"/>
                <a:gd name="T3" fmla="*/ 100 h 100"/>
                <a:gd name="T4" fmla="*/ 0 w 326"/>
                <a:gd name="T5" fmla="*/ 100 h 100"/>
                <a:gd name="T6" fmla="*/ 0 w 326"/>
                <a:gd name="T7" fmla="*/ 0 h 100"/>
                <a:gd name="T8" fmla="*/ 84 w 326"/>
                <a:gd name="T9" fmla="*/ 0 h 100"/>
                <a:gd name="T10" fmla="*/ 84 w 326"/>
                <a:gd name="T11" fmla="*/ 49 h 100"/>
                <a:gd name="T12" fmla="*/ 235 w 326"/>
                <a:gd name="T13" fmla="*/ 49 h 100"/>
                <a:gd name="T14" fmla="*/ 235 w 326"/>
                <a:gd name="T15" fmla="*/ 0 h 100"/>
                <a:gd name="T16" fmla="*/ 326 w 326"/>
                <a:gd name="T17" fmla="*/ 0 h 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26" h="100">
                  <a:moveTo>
                    <a:pt x="326" y="0"/>
                  </a:moveTo>
                  <a:lnTo>
                    <a:pt x="326" y="100"/>
                  </a:lnTo>
                  <a:lnTo>
                    <a:pt x="0" y="100"/>
                  </a:lnTo>
                  <a:lnTo>
                    <a:pt x="0" y="0"/>
                  </a:lnTo>
                  <a:lnTo>
                    <a:pt x="84" y="0"/>
                  </a:lnTo>
                  <a:lnTo>
                    <a:pt x="84" y="49"/>
                  </a:lnTo>
                  <a:lnTo>
                    <a:pt x="235" y="49"/>
                  </a:lnTo>
                  <a:lnTo>
                    <a:pt x="235" y="0"/>
                  </a:lnTo>
                  <a:lnTo>
                    <a:pt x="326"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50" name="Freeform 73">
              <a:extLst>
                <a:ext uri="{FF2B5EF4-FFF2-40B4-BE49-F238E27FC236}">
                  <a16:creationId xmlns:a16="http://schemas.microsoft.com/office/drawing/2014/main" id="{0FF03FC5-6E87-46BD-AC6B-67C6E519414F}"/>
                </a:ext>
              </a:extLst>
            </p:cNvPr>
            <p:cNvSpPr>
              <a:spLocks/>
            </p:cNvSpPr>
            <p:nvPr/>
          </p:nvSpPr>
          <p:spPr bwMode="auto">
            <a:xfrm>
              <a:off x="1836" y="486"/>
              <a:ext cx="2088" cy="2268"/>
            </a:xfrm>
            <a:custGeom>
              <a:avLst/>
              <a:gdLst>
                <a:gd name="T0" fmla="*/ 1904 w 2088"/>
                <a:gd name="T1" fmla="*/ 2021 h 2268"/>
                <a:gd name="T2" fmla="*/ 1808 w 2088"/>
                <a:gd name="T3" fmla="*/ 2021 h 2268"/>
                <a:gd name="T4" fmla="*/ 1813 w 2088"/>
                <a:gd name="T5" fmla="*/ 1843 h 2268"/>
                <a:gd name="T6" fmla="*/ 1897 w 2088"/>
                <a:gd name="T7" fmla="*/ 1594 h 2268"/>
                <a:gd name="T8" fmla="*/ 1897 w 2088"/>
                <a:gd name="T9" fmla="*/ 1559 h 2268"/>
                <a:gd name="T10" fmla="*/ 1936 w 2088"/>
                <a:gd name="T11" fmla="*/ 1549 h 2268"/>
                <a:gd name="T12" fmla="*/ 1950 w 2088"/>
                <a:gd name="T13" fmla="*/ 1519 h 2268"/>
                <a:gd name="T14" fmla="*/ 1941 w 2088"/>
                <a:gd name="T15" fmla="*/ 1493 h 2268"/>
                <a:gd name="T16" fmla="*/ 1803 w 2088"/>
                <a:gd name="T17" fmla="*/ 1484 h 2268"/>
                <a:gd name="T18" fmla="*/ 1710 w 2088"/>
                <a:gd name="T19" fmla="*/ 1328 h 2268"/>
                <a:gd name="T20" fmla="*/ 1831 w 2088"/>
                <a:gd name="T21" fmla="*/ 1314 h 2268"/>
                <a:gd name="T22" fmla="*/ 2027 w 2088"/>
                <a:gd name="T23" fmla="*/ 1542 h 2268"/>
                <a:gd name="T24" fmla="*/ 2044 w 2088"/>
                <a:gd name="T25" fmla="*/ 1519 h 2268"/>
                <a:gd name="T26" fmla="*/ 1614 w 2088"/>
                <a:gd name="T27" fmla="*/ 1241 h 2268"/>
                <a:gd name="T28" fmla="*/ 1619 w 2088"/>
                <a:gd name="T29" fmla="*/ 1328 h 2268"/>
                <a:gd name="T30" fmla="*/ 1673 w 2088"/>
                <a:gd name="T31" fmla="*/ 1001 h 2268"/>
                <a:gd name="T32" fmla="*/ 1908 w 2088"/>
                <a:gd name="T33" fmla="*/ 1169 h 2268"/>
                <a:gd name="T34" fmla="*/ 1932 w 2088"/>
                <a:gd name="T35" fmla="*/ 1038 h 2268"/>
                <a:gd name="T36" fmla="*/ 1467 w 2088"/>
                <a:gd name="T37" fmla="*/ 1029 h 2268"/>
                <a:gd name="T38" fmla="*/ 1255 w 2088"/>
                <a:gd name="T39" fmla="*/ 1139 h 2268"/>
                <a:gd name="T40" fmla="*/ 1236 w 2088"/>
                <a:gd name="T41" fmla="*/ 947 h 2268"/>
                <a:gd name="T42" fmla="*/ 1159 w 2088"/>
                <a:gd name="T43" fmla="*/ 614 h 2268"/>
                <a:gd name="T44" fmla="*/ 1155 w 2088"/>
                <a:gd name="T45" fmla="*/ 558 h 2268"/>
                <a:gd name="T46" fmla="*/ 1103 w 2088"/>
                <a:gd name="T47" fmla="*/ 285 h 2268"/>
                <a:gd name="T48" fmla="*/ 1129 w 2088"/>
                <a:gd name="T49" fmla="*/ 161 h 2268"/>
                <a:gd name="T50" fmla="*/ 1094 w 2088"/>
                <a:gd name="T51" fmla="*/ 126 h 2268"/>
                <a:gd name="T52" fmla="*/ 1066 w 2088"/>
                <a:gd name="T53" fmla="*/ 61 h 2268"/>
                <a:gd name="T54" fmla="*/ 1029 w 2088"/>
                <a:gd name="T55" fmla="*/ 110 h 2268"/>
                <a:gd name="T56" fmla="*/ 994 w 2088"/>
                <a:gd name="T57" fmla="*/ 133 h 2268"/>
                <a:gd name="T58" fmla="*/ 980 w 2088"/>
                <a:gd name="T59" fmla="*/ 175 h 2268"/>
                <a:gd name="T60" fmla="*/ 980 w 2088"/>
                <a:gd name="T61" fmla="*/ 212 h 2268"/>
                <a:gd name="T62" fmla="*/ 980 w 2088"/>
                <a:gd name="T63" fmla="*/ 250 h 2268"/>
                <a:gd name="T64" fmla="*/ 980 w 2088"/>
                <a:gd name="T65" fmla="*/ 285 h 2268"/>
                <a:gd name="T66" fmla="*/ 926 w 2088"/>
                <a:gd name="T67" fmla="*/ 1001 h 2268"/>
                <a:gd name="T68" fmla="*/ 646 w 2088"/>
                <a:gd name="T69" fmla="*/ 1174 h 2268"/>
                <a:gd name="T70" fmla="*/ 609 w 2088"/>
                <a:gd name="T71" fmla="*/ 1139 h 2268"/>
                <a:gd name="T72" fmla="*/ 546 w 2088"/>
                <a:gd name="T73" fmla="*/ 1183 h 2268"/>
                <a:gd name="T74" fmla="*/ 254 w 2088"/>
                <a:gd name="T75" fmla="*/ 1232 h 2268"/>
                <a:gd name="T76" fmla="*/ 315 w 2088"/>
                <a:gd name="T77" fmla="*/ 1332 h 2268"/>
                <a:gd name="T78" fmla="*/ 415 w 2088"/>
                <a:gd name="T79" fmla="*/ 1244 h 2268"/>
                <a:gd name="T80" fmla="*/ 511 w 2088"/>
                <a:gd name="T81" fmla="*/ 1316 h 2268"/>
                <a:gd name="T82" fmla="*/ 476 w 2088"/>
                <a:gd name="T83" fmla="*/ 1293 h 2268"/>
                <a:gd name="T84" fmla="*/ 450 w 2088"/>
                <a:gd name="T85" fmla="*/ 1304 h 2268"/>
                <a:gd name="T86" fmla="*/ 439 w 2088"/>
                <a:gd name="T87" fmla="*/ 1330 h 2268"/>
                <a:gd name="T88" fmla="*/ 462 w 2088"/>
                <a:gd name="T89" fmla="*/ 1365 h 2268"/>
                <a:gd name="T90" fmla="*/ 93 w 2088"/>
                <a:gd name="T91" fmla="*/ 1423 h 2268"/>
                <a:gd name="T92" fmla="*/ 201 w 2088"/>
                <a:gd name="T93" fmla="*/ 1561 h 2268"/>
                <a:gd name="T94" fmla="*/ 280 w 2088"/>
                <a:gd name="T95" fmla="*/ 1843 h 2268"/>
                <a:gd name="T96" fmla="*/ 280 w 2088"/>
                <a:gd name="T97" fmla="*/ 2021 h 2268"/>
                <a:gd name="T98" fmla="*/ 184 w 2088"/>
                <a:gd name="T99" fmla="*/ 2021 h 2268"/>
                <a:gd name="T100" fmla="*/ 0 w 2088"/>
                <a:gd name="T101" fmla="*/ 2021 h 2268"/>
                <a:gd name="T102" fmla="*/ 135 w 2088"/>
                <a:gd name="T103" fmla="*/ 2165 h 2268"/>
                <a:gd name="T104" fmla="*/ 173 w 2088"/>
                <a:gd name="T105" fmla="*/ 2191 h 2268"/>
                <a:gd name="T106" fmla="*/ 443 w 2088"/>
                <a:gd name="T107" fmla="*/ 2268 h 2268"/>
                <a:gd name="T108" fmla="*/ 1029 w 2088"/>
                <a:gd name="T109" fmla="*/ 2214 h 2268"/>
                <a:gd name="T110" fmla="*/ 1652 w 2088"/>
                <a:gd name="T111" fmla="*/ 2191 h 2268"/>
                <a:gd name="T112" fmla="*/ 1913 w 2088"/>
                <a:gd name="T113" fmla="*/ 2186 h 2268"/>
                <a:gd name="T114" fmla="*/ 1948 w 2088"/>
                <a:gd name="T115" fmla="*/ 2175 h 2268"/>
                <a:gd name="T116" fmla="*/ 1962 w 2088"/>
                <a:gd name="T117" fmla="*/ 2060 h 22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088" h="2268">
                  <a:moveTo>
                    <a:pt x="1927" y="2021"/>
                  </a:moveTo>
                  <a:lnTo>
                    <a:pt x="1927" y="2007"/>
                  </a:lnTo>
                  <a:lnTo>
                    <a:pt x="1904" y="2007"/>
                  </a:lnTo>
                  <a:lnTo>
                    <a:pt x="1904" y="2021"/>
                  </a:lnTo>
                  <a:lnTo>
                    <a:pt x="1855" y="2021"/>
                  </a:lnTo>
                  <a:lnTo>
                    <a:pt x="1855" y="2007"/>
                  </a:lnTo>
                  <a:lnTo>
                    <a:pt x="1808" y="2007"/>
                  </a:lnTo>
                  <a:lnTo>
                    <a:pt x="1808" y="2021"/>
                  </a:lnTo>
                  <a:lnTo>
                    <a:pt x="1684" y="2021"/>
                  </a:lnTo>
                  <a:lnTo>
                    <a:pt x="1684" y="1867"/>
                  </a:lnTo>
                  <a:lnTo>
                    <a:pt x="1787" y="1867"/>
                  </a:lnTo>
                  <a:lnTo>
                    <a:pt x="1813" y="1843"/>
                  </a:lnTo>
                  <a:lnTo>
                    <a:pt x="1684" y="1843"/>
                  </a:lnTo>
                  <a:lnTo>
                    <a:pt x="1684" y="1731"/>
                  </a:lnTo>
                  <a:lnTo>
                    <a:pt x="1897" y="1610"/>
                  </a:lnTo>
                  <a:lnTo>
                    <a:pt x="1897" y="1594"/>
                  </a:lnTo>
                  <a:lnTo>
                    <a:pt x="1922" y="1594"/>
                  </a:lnTo>
                  <a:lnTo>
                    <a:pt x="1922" y="1566"/>
                  </a:lnTo>
                  <a:lnTo>
                    <a:pt x="1897" y="1566"/>
                  </a:lnTo>
                  <a:lnTo>
                    <a:pt x="1897" y="1559"/>
                  </a:lnTo>
                  <a:lnTo>
                    <a:pt x="1920" y="1559"/>
                  </a:lnTo>
                  <a:lnTo>
                    <a:pt x="1920" y="1559"/>
                  </a:lnTo>
                  <a:lnTo>
                    <a:pt x="1925" y="1556"/>
                  </a:lnTo>
                  <a:lnTo>
                    <a:pt x="1936" y="1549"/>
                  </a:lnTo>
                  <a:lnTo>
                    <a:pt x="1941" y="1545"/>
                  </a:lnTo>
                  <a:lnTo>
                    <a:pt x="1946" y="1538"/>
                  </a:lnTo>
                  <a:lnTo>
                    <a:pt x="1950" y="1528"/>
                  </a:lnTo>
                  <a:lnTo>
                    <a:pt x="1950" y="1519"/>
                  </a:lnTo>
                  <a:lnTo>
                    <a:pt x="1950" y="1519"/>
                  </a:lnTo>
                  <a:lnTo>
                    <a:pt x="1950" y="1507"/>
                  </a:lnTo>
                  <a:lnTo>
                    <a:pt x="1946" y="1500"/>
                  </a:lnTo>
                  <a:lnTo>
                    <a:pt x="1941" y="1493"/>
                  </a:lnTo>
                  <a:lnTo>
                    <a:pt x="1936" y="1489"/>
                  </a:lnTo>
                  <a:lnTo>
                    <a:pt x="1927" y="1486"/>
                  </a:lnTo>
                  <a:lnTo>
                    <a:pt x="1922" y="1484"/>
                  </a:lnTo>
                  <a:lnTo>
                    <a:pt x="1803" y="1484"/>
                  </a:lnTo>
                  <a:lnTo>
                    <a:pt x="1803" y="1395"/>
                  </a:lnTo>
                  <a:lnTo>
                    <a:pt x="1677" y="1395"/>
                  </a:lnTo>
                  <a:lnTo>
                    <a:pt x="1710" y="1365"/>
                  </a:lnTo>
                  <a:lnTo>
                    <a:pt x="1710" y="1328"/>
                  </a:lnTo>
                  <a:lnTo>
                    <a:pt x="1689" y="1328"/>
                  </a:lnTo>
                  <a:lnTo>
                    <a:pt x="1689" y="1314"/>
                  </a:lnTo>
                  <a:lnTo>
                    <a:pt x="1724" y="1314"/>
                  </a:lnTo>
                  <a:lnTo>
                    <a:pt x="1831" y="1314"/>
                  </a:lnTo>
                  <a:lnTo>
                    <a:pt x="1890" y="1283"/>
                  </a:lnTo>
                  <a:lnTo>
                    <a:pt x="1932" y="1293"/>
                  </a:lnTo>
                  <a:lnTo>
                    <a:pt x="2006" y="1505"/>
                  </a:lnTo>
                  <a:lnTo>
                    <a:pt x="2027" y="1542"/>
                  </a:lnTo>
                  <a:lnTo>
                    <a:pt x="2004" y="1561"/>
                  </a:lnTo>
                  <a:lnTo>
                    <a:pt x="2004" y="1580"/>
                  </a:lnTo>
                  <a:lnTo>
                    <a:pt x="2044" y="1580"/>
                  </a:lnTo>
                  <a:lnTo>
                    <a:pt x="2044" y="1519"/>
                  </a:lnTo>
                  <a:lnTo>
                    <a:pt x="1964" y="1269"/>
                  </a:lnTo>
                  <a:lnTo>
                    <a:pt x="1696" y="1269"/>
                  </a:lnTo>
                  <a:lnTo>
                    <a:pt x="1666" y="1241"/>
                  </a:lnTo>
                  <a:lnTo>
                    <a:pt x="1614" y="1241"/>
                  </a:lnTo>
                  <a:lnTo>
                    <a:pt x="1596" y="1258"/>
                  </a:lnTo>
                  <a:lnTo>
                    <a:pt x="1596" y="1307"/>
                  </a:lnTo>
                  <a:lnTo>
                    <a:pt x="1619" y="1307"/>
                  </a:lnTo>
                  <a:lnTo>
                    <a:pt x="1619" y="1328"/>
                  </a:lnTo>
                  <a:lnTo>
                    <a:pt x="1386" y="1328"/>
                  </a:lnTo>
                  <a:lnTo>
                    <a:pt x="1351" y="1195"/>
                  </a:lnTo>
                  <a:lnTo>
                    <a:pt x="1607" y="1001"/>
                  </a:lnTo>
                  <a:lnTo>
                    <a:pt x="1673" y="1001"/>
                  </a:lnTo>
                  <a:lnTo>
                    <a:pt x="1852" y="1071"/>
                  </a:lnTo>
                  <a:lnTo>
                    <a:pt x="1883" y="1071"/>
                  </a:lnTo>
                  <a:lnTo>
                    <a:pt x="1908" y="1099"/>
                  </a:lnTo>
                  <a:lnTo>
                    <a:pt x="1908" y="1169"/>
                  </a:lnTo>
                  <a:lnTo>
                    <a:pt x="1892" y="1169"/>
                  </a:lnTo>
                  <a:lnTo>
                    <a:pt x="1892" y="1206"/>
                  </a:lnTo>
                  <a:lnTo>
                    <a:pt x="1932" y="1206"/>
                  </a:lnTo>
                  <a:lnTo>
                    <a:pt x="1932" y="1038"/>
                  </a:lnTo>
                  <a:lnTo>
                    <a:pt x="1866" y="1038"/>
                  </a:lnTo>
                  <a:lnTo>
                    <a:pt x="1675" y="912"/>
                  </a:lnTo>
                  <a:lnTo>
                    <a:pt x="1675" y="912"/>
                  </a:lnTo>
                  <a:lnTo>
                    <a:pt x="1467" y="1029"/>
                  </a:lnTo>
                  <a:lnTo>
                    <a:pt x="1325" y="1108"/>
                  </a:lnTo>
                  <a:lnTo>
                    <a:pt x="1257" y="1146"/>
                  </a:lnTo>
                  <a:lnTo>
                    <a:pt x="1257" y="1146"/>
                  </a:lnTo>
                  <a:lnTo>
                    <a:pt x="1255" y="1139"/>
                  </a:lnTo>
                  <a:lnTo>
                    <a:pt x="1255" y="1122"/>
                  </a:lnTo>
                  <a:lnTo>
                    <a:pt x="1255" y="1073"/>
                  </a:lnTo>
                  <a:lnTo>
                    <a:pt x="1257" y="1003"/>
                  </a:lnTo>
                  <a:lnTo>
                    <a:pt x="1236" y="947"/>
                  </a:lnTo>
                  <a:lnTo>
                    <a:pt x="1183" y="947"/>
                  </a:lnTo>
                  <a:lnTo>
                    <a:pt x="1166" y="712"/>
                  </a:lnTo>
                  <a:lnTo>
                    <a:pt x="1159" y="614"/>
                  </a:lnTo>
                  <a:lnTo>
                    <a:pt x="1159" y="614"/>
                  </a:lnTo>
                  <a:lnTo>
                    <a:pt x="1159" y="614"/>
                  </a:lnTo>
                  <a:lnTo>
                    <a:pt x="1155" y="558"/>
                  </a:lnTo>
                  <a:lnTo>
                    <a:pt x="1157" y="558"/>
                  </a:lnTo>
                  <a:lnTo>
                    <a:pt x="1155" y="558"/>
                  </a:lnTo>
                  <a:lnTo>
                    <a:pt x="1143" y="415"/>
                  </a:lnTo>
                  <a:lnTo>
                    <a:pt x="1143" y="415"/>
                  </a:lnTo>
                  <a:lnTo>
                    <a:pt x="1143" y="285"/>
                  </a:lnTo>
                  <a:lnTo>
                    <a:pt x="1103" y="285"/>
                  </a:lnTo>
                  <a:lnTo>
                    <a:pt x="1103" y="201"/>
                  </a:lnTo>
                  <a:lnTo>
                    <a:pt x="1103" y="184"/>
                  </a:lnTo>
                  <a:lnTo>
                    <a:pt x="1103" y="161"/>
                  </a:lnTo>
                  <a:lnTo>
                    <a:pt x="1129" y="161"/>
                  </a:lnTo>
                  <a:lnTo>
                    <a:pt x="1129" y="133"/>
                  </a:lnTo>
                  <a:lnTo>
                    <a:pt x="1103" y="133"/>
                  </a:lnTo>
                  <a:lnTo>
                    <a:pt x="1103" y="126"/>
                  </a:lnTo>
                  <a:lnTo>
                    <a:pt x="1094" y="126"/>
                  </a:lnTo>
                  <a:lnTo>
                    <a:pt x="1094" y="61"/>
                  </a:lnTo>
                  <a:lnTo>
                    <a:pt x="1094" y="9"/>
                  </a:lnTo>
                  <a:lnTo>
                    <a:pt x="1066" y="9"/>
                  </a:lnTo>
                  <a:lnTo>
                    <a:pt x="1066" y="61"/>
                  </a:lnTo>
                  <a:lnTo>
                    <a:pt x="1057" y="61"/>
                  </a:lnTo>
                  <a:lnTo>
                    <a:pt x="1057" y="0"/>
                  </a:lnTo>
                  <a:lnTo>
                    <a:pt x="1029" y="0"/>
                  </a:lnTo>
                  <a:lnTo>
                    <a:pt x="1029" y="110"/>
                  </a:lnTo>
                  <a:lnTo>
                    <a:pt x="1020" y="110"/>
                  </a:lnTo>
                  <a:lnTo>
                    <a:pt x="1020" y="9"/>
                  </a:lnTo>
                  <a:lnTo>
                    <a:pt x="994" y="9"/>
                  </a:lnTo>
                  <a:lnTo>
                    <a:pt x="994" y="133"/>
                  </a:lnTo>
                  <a:lnTo>
                    <a:pt x="954" y="133"/>
                  </a:lnTo>
                  <a:lnTo>
                    <a:pt x="954" y="161"/>
                  </a:lnTo>
                  <a:lnTo>
                    <a:pt x="980" y="161"/>
                  </a:lnTo>
                  <a:lnTo>
                    <a:pt x="980" y="175"/>
                  </a:lnTo>
                  <a:lnTo>
                    <a:pt x="994" y="175"/>
                  </a:lnTo>
                  <a:lnTo>
                    <a:pt x="994" y="187"/>
                  </a:lnTo>
                  <a:lnTo>
                    <a:pt x="980" y="187"/>
                  </a:lnTo>
                  <a:lnTo>
                    <a:pt x="980" y="212"/>
                  </a:lnTo>
                  <a:lnTo>
                    <a:pt x="994" y="212"/>
                  </a:lnTo>
                  <a:lnTo>
                    <a:pt x="994" y="222"/>
                  </a:lnTo>
                  <a:lnTo>
                    <a:pt x="980" y="222"/>
                  </a:lnTo>
                  <a:lnTo>
                    <a:pt x="980" y="250"/>
                  </a:lnTo>
                  <a:lnTo>
                    <a:pt x="994" y="250"/>
                  </a:lnTo>
                  <a:lnTo>
                    <a:pt x="994" y="261"/>
                  </a:lnTo>
                  <a:lnTo>
                    <a:pt x="980" y="261"/>
                  </a:lnTo>
                  <a:lnTo>
                    <a:pt x="980" y="285"/>
                  </a:lnTo>
                  <a:lnTo>
                    <a:pt x="968" y="285"/>
                  </a:lnTo>
                  <a:lnTo>
                    <a:pt x="968" y="415"/>
                  </a:lnTo>
                  <a:lnTo>
                    <a:pt x="945" y="712"/>
                  </a:lnTo>
                  <a:lnTo>
                    <a:pt x="926" y="1001"/>
                  </a:lnTo>
                  <a:lnTo>
                    <a:pt x="926" y="1143"/>
                  </a:lnTo>
                  <a:lnTo>
                    <a:pt x="656" y="1171"/>
                  </a:lnTo>
                  <a:lnTo>
                    <a:pt x="646" y="1171"/>
                  </a:lnTo>
                  <a:lnTo>
                    <a:pt x="646" y="1174"/>
                  </a:lnTo>
                  <a:lnTo>
                    <a:pt x="581" y="1181"/>
                  </a:lnTo>
                  <a:lnTo>
                    <a:pt x="581" y="1164"/>
                  </a:lnTo>
                  <a:lnTo>
                    <a:pt x="609" y="1164"/>
                  </a:lnTo>
                  <a:lnTo>
                    <a:pt x="609" y="1139"/>
                  </a:lnTo>
                  <a:lnTo>
                    <a:pt x="520" y="1139"/>
                  </a:lnTo>
                  <a:lnTo>
                    <a:pt x="520" y="1164"/>
                  </a:lnTo>
                  <a:lnTo>
                    <a:pt x="546" y="1164"/>
                  </a:lnTo>
                  <a:lnTo>
                    <a:pt x="546" y="1183"/>
                  </a:lnTo>
                  <a:lnTo>
                    <a:pt x="481" y="1190"/>
                  </a:lnTo>
                  <a:lnTo>
                    <a:pt x="481" y="1190"/>
                  </a:lnTo>
                  <a:lnTo>
                    <a:pt x="359" y="1190"/>
                  </a:lnTo>
                  <a:lnTo>
                    <a:pt x="254" y="1232"/>
                  </a:lnTo>
                  <a:lnTo>
                    <a:pt x="254" y="1262"/>
                  </a:lnTo>
                  <a:lnTo>
                    <a:pt x="292" y="1262"/>
                  </a:lnTo>
                  <a:lnTo>
                    <a:pt x="292" y="1332"/>
                  </a:lnTo>
                  <a:lnTo>
                    <a:pt x="315" y="1332"/>
                  </a:lnTo>
                  <a:lnTo>
                    <a:pt x="315" y="1367"/>
                  </a:lnTo>
                  <a:lnTo>
                    <a:pt x="345" y="1367"/>
                  </a:lnTo>
                  <a:lnTo>
                    <a:pt x="345" y="1244"/>
                  </a:lnTo>
                  <a:lnTo>
                    <a:pt x="415" y="1244"/>
                  </a:lnTo>
                  <a:lnTo>
                    <a:pt x="427" y="1272"/>
                  </a:lnTo>
                  <a:lnTo>
                    <a:pt x="511" y="1272"/>
                  </a:lnTo>
                  <a:lnTo>
                    <a:pt x="511" y="1316"/>
                  </a:lnTo>
                  <a:lnTo>
                    <a:pt x="511" y="1316"/>
                  </a:lnTo>
                  <a:lnTo>
                    <a:pt x="506" y="1307"/>
                  </a:lnTo>
                  <a:lnTo>
                    <a:pt x="497" y="1300"/>
                  </a:lnTo>
                  <a:lnTo>
                    <a:pt x="488" y="1295"/>
                  </a:lnTo>
                  <a:lnTo>
                    <a:pt x="476" y="1293"/>
                  </a:lnTo>
                  <a:lnTo>
                    <a:pt x="476" y="1293"/>
                  </a:lnTo>
                  <a:lnTo>
                    <a:pt x="469" y="1293"/>
                  </a:lnTo>
                  <a:lnTo>
                    <a:pt x="462" y="1295"/>
                  </a:lnTo>
                  <a:lnTo>
                    <a:pt x="450" y="1304"/>
                  </a:lnTo>
                  <a:lnTo>
                    <a:pt x="443" y="1316"/>
                  </a:lnTo>
                  <a:lnTo>
                    <a:pt x="441" y="1323"/>
                  </a:lnTo>
                  <a:lnTo>
                    <a:pt x="439" y="1330"/>
                  </a:lnTo>
                  <a:lnTo>
                    <a:pt x="439" y="1330"/>
                  </a:lnTo>
                  <a:lnTo>
                    <a:pt x="441" y="1342"/>
                  </a:lnTo>
                  <a:lnTo>
                    <a:pt x="446" y="1351"/>
                  </a:lnTo>
                  <a:lnTo>
                    <a:pt x="453" y="1358"/>
                  </a:lnTo>
                  <a:lnTo>
                    <a:pt x="462" y="1365"/>
                  </a:lnTo>
                  <a:lnTo>
                    <a:pt x="462" y="1386"/>
                  </a:lnTo>
                  <a:lnTo>
                    <a:pt x="392" y="1386"/>
                  </a:lnTo>
                  <a:lnTo>
                    <a:pt x="392" y="1423"/>
                  </a:lnTo>
                  <a:lnTo>
                    <a:pt x="93" y="1423"/>
                  </a:lnTo>
                  <a:lnTo>
                    <a:pt x="93" y="1489"/>
                  </a:lnTo>
                  <a:lnTo>
                    <a:pt x="198" y="1489"/>
                  </a:lnTo>
                  <a:lnTo>
                    <a:pt x="301" y="1561"/>
                  </a:lnTo>
                  <a:lnTo>
                    <a:pt x="201" y="1561"/>
                  </a:lnTo>
                  <a:lnTo>
                    <a:pt x="201" y="1610"/>
                  </a:lnTo>
                  <a:lnTo>
                    <a:pt x="408" y="1738"/>
                  </a:lnTo>
                  <a:lnTo>
                    <a:pt x="408" y="1843"/>
                  </a:lnTo>
                  <a:lnTo>
                    <a:pt x="280" y="1843"/>
                  </a:lnTo>
                  <a:lnTo>
                    <a:pt x="310" y="1867"/>
                  </a:lnTo>
                  <a:lnTo>
                    <a:pt x="408" y="1867"/>
                  </a:lnTo>
                  <a:lnTo>
                    <a:pt x="408" y="2021"/>
                  </a:lnTo>
                  <a:lnTo>
                    <a:pt x="280" y="2021"/>
                  </a:lnTo>
                  <a:lnTo>
                    <a:pt x="280" y="2007"/>
                  </a:lnTo>
                  <a:lnTo>
                    <a:pt x="233" y="2007"/>
                  </a:lnTo>
                  <a:lnTo>
                    <a:pt x="233" y="2021"/>
                  </a:lnTo>
                  <a:lnTo>
                    <a:pt x="184" y="2021"/>
                  </a:lnTo>
                  <a:lnTo>
                    <a:pt x="184" y="2007"/>
                  </a:lnTo>
                  <a:lnTo>
                    <a:pt x="161" y="2007"/>
                  </a:lnTo>
                  <a:lnTo>
                    <a:pt x="161" y="2021"/>
                  </a:lnTo>
                  <a:lnTo>
                    <a:pt x="0" y="2021"/>
                  </a:lnTo>
                  <a:lnTo>
                    <a:pt x="133" y="2060"/>
                  </a:lnTo>
                  <a:lnTo>
                    <a:pt x="133" y="2154"/>
                  </a:lnTo>
                  <a:lnTo>
                    <a:pt x="133" y="2154"/>
                  </a:lnTo>
                  <a:lnTo>
                    <a:pt x="135" y="2165"/>
                  </a:lnTo>
                  <a:lnTo>
                    <a:pt x="140" y="2177"/>
                  </a:lnTo>
                  <a:lnTo>
                    <a:pt x="147" y="2182"/>
                  </a:lnTo>
                  <a:lnTo>
                    <a:pt x="156" y="2186"/>
                  </a:lnTo>
                  <a:lnTo>
                    <a:pt x="173" y="2191"/>
                  </a:lnTo>
                  <a:lnTo>
                    <a:pt x="180" y="2191"/>
                  </a:lnTo>
                  <a:lnTo>
                    <a:pt x="296" y="2191"/>
                  </a:lnTo>
                  <a:lnTo>
                    <a:pt x="329" y="2268"/>
                  </a:lnTo>
                  <a:lnTo>
                    <a:pt x="443" y="2268"/>
                  </a:lnTo>
                  <a:lnTo>
                    <a:pt x="443" y="2191"/>
                  </a:lnTo>
                  <a:lnTo>
                    <a:pt x="1043" y="2191"/>
                  </a:lnTo>
                  <a:lnTo>
                    <a:pt x="1043" y="2214"/>
                  </a:lnTo>
                  <a:lnTo>
                    <a:pt x="1029" y="2214"/>
                  </a:lnTo>
                  <a:lnTo>
                    <a:pt x="1029" y="2242"/>
                  </a:lnTo>
                  <a:lnTo>
                    <a:pt x="1057" y="2242"/>
                  </a:lnTo>
                  <a:lnTo>
                    <a:pt x="1057" y="2191"/>
                  </a:lnTo>
                  <a:lnTo>
                    <a:pt x="1652" y="2191"/>
                  </a:lnTo>
                  <a:lnTo>
                    <a:pt x="1682" y="2268"/>
                  </a:lnTo>
                  <a:lnTo>
                    <a:pt x="1803" y="2268"/>
                  </a:lnTo>
                  <a:lnTo>
                    <a:pt x="1803" y="2186"/>
                  </a:lnTo>
                  <a:lnTo>
                    <a:pt x="1913" y="2186"/>
                  </a:lnTo>
                  <a:lnTo>
                    <a:pt x="1913" y="2186"/>
                  </a:lnTo>
                  <a:lnTo>
                    <a:pt x="1927" y="2184"/>
                  </a:lnTo>
                  <a:lnTo>
                    <a:pt x="1939" y="2179"/>
                  </a:lnTo>
                  <a:lnTo>
                    <a:pt x="1948" y="2175"/>
                  </a:lnTo>
                  <a:lnTo>
                    <a:pt x="1955" y="2168"/>
                  </a:lnTo>
                  <a:lnTo>
                    <a:pt x="1960" y="2156"/>
                  </a:lnTo>
                  <a:lnTo>
                    <a:pt x="1962" y="2151"/>
                  </a:lnTo>
                  <a:lnTo>
                    <a:pt x="1962" y="2060"/>
                  </a:lnTo>
                  <a:lnTo>
                    <a:pt x="2088" y="2021"/>
                  </a:lnTo>
                  <a:lnTo>
                    <a:pt x="1927" y="2021"/>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grpSp>
      <p:grpSp>
        <p:nvGrpSpPr>
          <p:cNvPr id="351" name="Group 4">
            <a:extLst>
              <a:ext uri="{FF2B5EF4-FFF2-40B4-BE49-F238E27FC236}">
                <a16:creationId xmlns:a16="http://schemas.microsoft.com/office/drawing/2014/main" id="{698E4B4B-8EA5-4D20-894A-E70005F9D8D9}"/>
              </a:ext>
            </a:extLst>
          </p:cNvPr>
          <p:cNvGrpSpPr>
            <a:grpSpLocks noChangeAspect="1"/>
          </p:cNvGrpSpPr>
          <p:nvPr/>
        </p:nvGrpSpPr>
        <p:grpSpPr bwMode="auto">
          <a:xfrm>
            <a:off x="9862130" y="3831982"/>
            <a:ext cx="644292" cy="626073"/>
            <a:chOff x="1713" y="486"/>
            <a:chExt cx="2334" cy="2268"/>
          </a:xfrm>
          <a:solidFill>
            <a:schemeClr val="bg2"/>
          </a:solidFill>
        </p:grpSpPr>
        <p:sp>
          <p:nvSpPr>
            <p:cNvPr id="352" name="Freeform 5">
              <a:extLst>
                <a:ext uri="{FF2B5EF4-FFF2-40B4-BE49-F238E27FC236}">
                  <a16:creationId xmlns:a16="http://schemas.microsoft.com/office/drawing/2014/main" id="{6FE3E8A6-8CE6-40AF-91AE-2A45369DEA1A}"/>
                </a:ext>
              </a:extLst>
            </p:cNvPr>
            <p:cNvSpPr>
              <a:spLocks noEditPoints="1"/>
            </p:cNvSpPr>
            <p:nvPr/>
          </p:nvSpPr>
          <p:spPr bwMode="auto">
            <a:xfrm>
              <a:off x="2192" y="1703"/>
              <a:ext cx="1339" cy="1051"/>
            </a:xfrm>
            <a:custGeom>
              <a:avLst/>
              <a:gdLst>
                <a:gd name="T0" fmla="*/ 224 w 1339"/>
                <a:gd name="T1" fmla="*/ 278 h 1051"/>
                <a:gd name="T2" fmla="*/ 232 w 1339"/>
                <a:gd name="T3" fmla="*/ 1051 h 1051"/>
                <a:gd name="T4" fmla="*/ 410 w 1339"/>
                <a:gd name="T5" fmla="*/ 981 h 1051"/>
                <a:gd name="T6" fmla="*/ 425 w 1339"/>
                <a:gd name="T7" fmla="*/ 626 h 1051"/>
                <a:gd name="T8" fmla="*/ 1013 w 1339"/>
                <a:gd name="T9" fmla="*/ 278 h 1051"/>
                <a:gd name="T10" fmla="*/ 1013 w 1339"/>
                <a:gd name="T11" fmla="*/ 1051 h 1051"/>
                <a:gd name="T12" fmla="*/ 1190 w 1339"/>
                <a:gd name="T13" fmla="*/ 981 h 1051"/>
                <a:gd name="T14" fmla="*/ 1206 w 1339"/>
                <a:gd name="T15" fmla="*/ 626 h 1051"/>
                <a:gd name="T16" fmla="*/ 1268 w 1339"/>
                <a:gd name="T17" fmla="*/ 62 h 1051"/>
                <a:gd name="T18" fmla="*/ 410 w 1339"/>
                <a:gd name="T19" fmla="*/ 209 h 1051"/>
                <a:gd name="T20" fmla="*/ 240 w 1339"/>
                <a:gd name="T21" fmla="*/ 209 h 1051"/>
                <a:gd name="T22" fmla="*/ 240 w 1339"/>
                <a:gd name="T23" fmla="*/ 373 h 1051"/>
                <a:gd name="T24" fmla="*/ 315 w 1339"/>
                <a:gd name="T25" fmla="*/ 498 h 1051"/>
                <a:gd name="T26" fmla="*/ 408 w 1339"/>
                <a:gd name="T27" fmla="*/ 628 h 1051"/>
                <a:gd name="T28" fmla="*/ 240 w 1339"/>
                <a:gd name="T29" fmla="*/ 634 h 1051"/>
                <a:gd name="T30" fmla="*/ 240 w 1339"/>
                <a:gd name="T31" fmla="*/ 622 h 1051"/>
                <a:gd name="T32" fmla="*/ 240 w 1339"/>
                <a:gd name="T33" fmla="*/ 810 h 1051"/>
                <a:gd name="T34" fmla="*/ 242 w 1339"/>
                <a:gd name="T35" fmla="*/ 898 h 1051"/>
                <a:gd name="T36" fmla="*/ 410 w 1339"/>
                <a:gd name="T37" fmla="*/ 898 h 1051"/>
                <a:gd name="T38" fmla="*/ 410 w 1339"/>
                <a:gd name="T39" fmla="*/ 891 h 1051"/>
                <a:gd name="T40" fmla="*/ 410 w 1339"/>
                <a:gd name="T41" fmla="*/ 883 h 1051"/>
                <a:gd name="T42" fmla="*/ 327 w 1339"/>
                <a:gd name="T43" fmla="*/ 842 h 1051"/>
                <a:gd name="T44" fmla="*/ 327 w 1339"/>
                <a:gd name="T45" fmla="*/ 755 h 1051"/>
                <a:gd name="T46" fmla="*/ 410 w 1339"/>
                <a:gd name="T47" fmla="*/ 707 h 1051"/>
                <a:gd name="T48" fmla="*/ 334 w 1339"/>
                <a:gd name="T49" fmla="*/ 585 h 1051"/>
                <a:gd name="T50" fmla="*/ 327 w 1339"/>
                <a:gd name="T51" fmla="*/ 502 h 1051"/>
                <a:gd name="T52" fmla="*/ 410 w 1339"/>
                <a:gd name="T53" fmla="*/ 462 h 1051"/>
                <a:gd name="T54" fmla="*/ 410 w 1339"/>
                <a:gd name="T55" fmla="*/ 454 h 1051"/>
                <a:gd name="T56" fmla="*/ 410 w 1339"/>
                <a:gd name="T57" fmla="*/ 446 h 1051"/>
                <a:gd name="T58" fmla="*/ 327 w 1339"/>
                <a:gd name="T59" fmla="*/ 406 h 1051"/>
                <a:gd name="T60" fmla="*/ 1028 w 1339"/>
                <a:gd name="T61" fmla="*/ 209 h 1051"/>
                <a:gd name="T62" fmla="*/ 1028 w 1339"/>
                <a:gd name="T63" fmla="*/ 278 h 1051"/>
                <a:gd name="T64" fmla="*/ 1103 w 1339"/>
                <a:gd name="T65" fmla="*/ 321 h 1051"/>
                <a:gd name="T66" fmla="*/ 1028 w 1339"/>
                <a:gd name="T67" fmla="*/ 462 h 1051"/>
                <a:gd name="T68" fmla="*/ 1109 w 1339"/>
                <a:gd name="T69" fmla="*/ 589 h 1051"/>
                <a:gd name="T70" fmla="*/ 1028 w 1339"/>
                <a:gd name="T71" fmla="*/ 707 h 1051"/>
                <a:gd name="T72" fmla="*/ 1103 w 1339"/>
                <a:gd name="T73" fmla="*/ 585 h 1051"/>
                <a:gd name="T74" fmla="*/ 1028 w 1339"/>
                <a:gd name="T75" fmla="*/ 723 h 1051"/>
                <a:gd name="T76" fmla="*/ 1024 w 1339"/>
                <a:gd name="T77" fmla="*/ 970 h 1051"/>
                <a:gd name="T78" fmla="*/ 1115 w 1339"/>
                <a:gd name="T79" fmla="*/ 935 h 1051"/>
                <a:gd name="T80" fmla="*/ 1109 w 1339"/>
                <a:gd name="T81" fmla="*/ 850 h 1051"/>
                <a:gd name="T82" fmla="*/ 1190 w 1339"/>
                <a:gd name="T83" fmla="*/ 810 h 1051"/>
                <a:gd name="T84" fmla="*/ 1192 w 1339"/>
                <a:gd name="T85" fmla="*/ 802 h 1051"/>
                <a:gd name="T86" fmla="*/ 1190 w 1339"/>
                <a:gd name="T87" fmla="*/ 796 h 1051"/>
                <a:gd name="T88" fmla="*/ 1109 w 1339"/>
                <a:gd name="T89" fmla="*/ 755 h 1051"/>
                <a:gd name="T90" fmla="*/ 1190 w 1339"/>
                <a:gd name="T91" fmla="*/ 622 h 1051"/>
                <a:gd name="T92" fmla="*/ 1024 w 1339"/>
                <a:gd name="T93" fmla="*/ 541 h 1051"/>
                <a:gd name="T94" fmla="*/ 1115 w 1339"/>
                <a:gd name="T95" fmla="*/ 498 h 1051"/>
                <a:gd name="T96" fmla="*/ 1109 w 1339"/>
                <a:gd name="T97" fmla="*/ 413 h 1051"/>
                <a:gd name="T98" fmla="*/ 1190 w 1339"/>
                <a:gd name="T99" fmla="*/ 373 h 1051"/>
                <a:gd name="T100" fmla="*/ 1192 w 1339"/>
                <a:gd name="T101" fmla="*/ 365 h 1051"/>
                <a:gd name="T102" fmla="*/ 1117 w 1339"/>
                <a:gd name="T103" fmla="*/ 321 h 10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339" h="1051">
                  <a:moveTo>
                    <a:pt x="1268" y="0"/>
                  </a:moveTo>
                  <a:lnTo>
                    <a:pt x="0" y="0"/>
                  </a:lnTo>
                  <a:lnTo>
                    <a:pt x="0" y="209"/>
                  </a:lnTo>
                  <a:lnTo>
                    <a:pt x="224" y="209"/>
                  </a:lnTo>
                  <a:lnTo>
                    <a:pt x="224" y="278"/>
                  </a:lnTo>
                  <a:lnTo>
                    <a:pt x="224" y="278"/>
                  </a:lnTo>
                  <a:lnTo>
                    <a:pt x="224" y="634"/>
                  </a:lnTo>
                  <a:lnTo>
                    <a:pt x="226" y="634"/>
                  </a:lnTo>
                  <a:lnTo>
                    <a:pt x="232" y="980"/>
                  </a:lnTo>
                  <a:lnTo>
                    <a:pt x="232" y="1051"/>
                  </a:lnTo>
                  <a:lnTo>
                    <a:pt x="240" y="1051"/>
                  </a:lnTo>
                  <a:lnTo>
                    <a:pt x="240" y="978"/>
                  </a:lnTo>
                  <a:lnTo>
                    <a:pt x="325" y="939"/>
                  </a:lnTo>
                  <a:lnTo>
                    <a:pt x="410" y="981"/>
                  </a:lnTo>
                  <a:lnTo>
                    <a:pt x="410" y="981"/>
                  </a:lnTo>
                  <a:lnTo>
                    <a:pt x="410" y="1051"/>
                  </a:lnTo>
                  <a:lnTo>
                    <a:pt x="425" y="1051"/>
                  </a:lnTo>
                  <a:lnTo>
                    <a:pt x="425" y="981"/>
                  </a:lnTo>
                  <a:lnTo>
                    <a:pt x="425" y="981"/>
                  </a:lnTo>
                  <a:lnTo>
                    <a:pt x="425" y="626"/>
                  </a:lnTo>
                  <a:lnTo>
                    <a:pt x="427" y="626"/>
                  </a:lnTo>
                  <a:lnTo>
                    <a:pt x="425" y="278"/>
                  </a:lnTo>
                  <a:lnTo>
                    <a:pt x="425" y="209"/>
                  </a:lnTo>
                  <a:lnTo>
                    <a:pt x="1013" y="209"/>
                  </a:lnTo>
                  <a:lnTo>
                    <a:pt x="1013" y="278"/>
                  </a:lnTo>
                  <a:lnTo>
                    <a:pt x="1013" y="278"/>
                  </a:lnTo>
                  <a:lnTo>
                    <a:pt x="1013" y="634"/>
                  </a:lnTo>
                  <a:lnTo>
                    <a:pt x="1009" y="634"/>
                  </a:lnTo>
                  <a:lnTo>
                    <a:pt x="1013" y="980"/>
                  </a:lnTo>
                  <a:lnTo>
                    <a:pt x="1013" y="1051"/>
                  </a:lnTo>
                  <a:lnTo>
                    <a:pt x="1028" y="1051"/>
                  </a:lnTo>
                  <a:lnTo>
                    <a:pt x="1028" y="978"/>
                  </a:lnTo>
                  <a:lnTo>
                    <a:pt x="1111" y="939"/>
                  </a:lnTo>
                  <a:lnTo>
                    <a:pt x="1192" y="981"/>
                  </a:lnTo>
                  <a:lnTo>
                    <a:pt x="1190" y="981"/>
                  </a:lnTo>
                  <a:lnTo>
                    <a:pt x="1190" y="1051"/>
                  </a:lnTo>
                  <a:lnTo>
                    <a:pt x="1206" y="1051"/>
                  </a:lnTo>
                  <a:lnTo>
                    <a:pt x="1206" y="981"/>
                  </a:lnTo>
                  <a:lnTo>
                    <a:pt x="1206" y="981"/>
                  </a:lnTo>
                  <a:lnTo>
                    <a:pt x="1206" y="626"/>
                  </a:lnTo>
                  <a:lnTo>
                    <a:pt x="1208" y="626"/>
                  </a:lnTo>
                  <a:lnTo>
                    <a:pt x="1206" y="278"/>
                  </a:lnTo>
                  <a:lnTo>
                    <a:pt x="1206" y="209"/>
                  </a:lnTo>
                  <a:lnTo>
                    <a:pt x="1268" y="209"/>
                  </a:lnTo>
                  <a:lnTo>
                    <a:pt x="1268" y="62"/>
                  </a:lnTo>
                  <a:lnTo>
                    <a:pt x="1339" y="0"/>
                  </a:lnTo>
                  <a:lnTo>
                    <a:pt x="1268" y="0"/>
                  </a:lnTo>
                  <a:lnTo>
                    <a:pt x="1268" y="0"/>
                  </a:lnTo>
                  <a:close/>
                  <a:moveTo>
                    <a:pt x="240" y="209"/>
                  </a:moveTo>
                  <a:lnTo>
                    <a:pt x="410" y="209"/>
                  </a:lnTo>
                  <a:lnTo>
                    <a:pt x="410" y="278"/>
                  </a:lnTo>
                  <a:lnTo>
                    <a:pt x="327" y="319"/>
                  </a:lnTo>
                  <a:lnTo>
                    <a:pt x="242" y="278"/>
                  </a:lnTo>
                  <a:lnTo>
                    <a:pt x="240" y="278"/>
                  </a:lnTo>
                  <a:lnTo>
                    <a:pt x="240" y="209"/>
                  </a:lnTo>
                  <a:close/>
                  <a:moveTo>
                    <a:pt x="315" y="321"/>
                  </a:moveTo>
                  <a:lnTo>
                    <a:pt x="240" y="357"/>
                  </a:lnTo>
                  <a:lnTo>
                    <a:pt x="240" y="286"/>
                  </a:lnTo>
                  <a:lnTo>
                    <a:pt x="315" y="321"/>
                  </a:lnTo>
                  <a:close/>
                  <a:moveTo>
                    <a:pt x="240" y="373"/>
                  </a:moveTo>
                  <a:lnTo>
                    <a:pt x="315" y="410"/>
                  </a:lnTo>
                  <a:lnTo>
                    <a:pt x="240" y="446"/>
                  </a:lnTo>
                  <a:lnTo>
                    <a:pt x="240" y="373"/>
                  </a:lnTo>
                  <a:close/>
                  <a:moveTo>
                    <a:pt x="240" y="462"/>
                  </a:moveTo>
                  <a:lnTo>
                    <a:pt x="315" y="498"/>
                  </a:lnTo>
                  <a:lnTo>
                    <a:pt x="240" y="535"/>
                  </a:lnTo>
                  <a:lnTo>
                    <a:pt x="240" y="462"/>
                  </a:lnTo>
                  <a:close/>
                  <a:moveTo>
                    <a:pt x="246" y="628"/>
                  </a:moveTo>
                  <a:lnTo>
                    <a:pt x="327" y="589"/>
                  </a:lnTo>
                  <a:lnTo>
                    <a:pt x="408" y="628"/>
                  </a:lnTo>
                  <a:lnTo>
                    <a:pt x="327" y="667"/>
                  </a:lnTo>
                  <a:lnTo>
                    <a:pt x="246" y="628"/>
                  </a:lnTo>
                  <a:close/>
                  <a:moveTo>
                    <a:pt x="315" y="670"/>
                  </a:moveTo>
                  <a:lnTo>
                    <a:pt x="240" y="707"/>
                  </a:lnTo>
                  <a:lnTo>
                    <a:pt x="240" y="634"/>
                  </a:lnTo>
                  <a:lnTo>
                    <a:pt x="315" y="670"/>
                  </a:lnTo>
                  <a:close/>
                  <a:moveTo>
                    <a:pt x="240" y="622"/>
                  </a:moveTo>
                  <a:lnTo>
                    <a:pt x="240" y="549"/>
                  </a:lnTo>
                  <a:lnTo>
                    <a:pt x="315" y="585"/>
                  </a:lnTo>
                  <a:lnTo>
                    <a:pt x="240" y="622"/>
                  </a:lnTo>
                  <a:close/>
                  <a:moveTo>
                    <a:pt x="240" y="723"/>
                  </a:moveTo>
                  <a:lnTo>
                    <a:pt x="315" y="759"/>
                  </a:lnTo>
                  <a:lnTo>
                    <a:pt x="240" y="796"/>
                  </a:lnTo>
                  <a:lnTo>
                    <a:pt x="240" y="723"/>
                  </a:lnTo>
                  <a:close/>
                  <a:moveTo>
                    <a:pt x="240" y="810"/>
                  </a:moveTo>
                  <a:lnTo>
                    <a:pt x="315" y="846"/>
                  </a:lnTo>
                  <a:lnTo>
                    <a:pt x="240" y="883"/>
                  </a:lnTo>
                  <a:lnTo>
                    <a:pt x="240" y="810"/>
                  </a:lnTo>
                  <a:close/>
                  <a:moveTo>
                    <a:pt x="242" y="970"/>
                  </a:moveTo>
                  <a:lnTo>
                    <a:pt x="242" y="898"/>
                  </a:lnTo>
                  <a:lnTo>
                    <a:pt x="319" y="935"/>
                  </a:lnTo>
                  <a:lnTo>
                    <a:pt x="242" y="970"/>
                  </a:lnTo>
                  <a:close/>
                  <a:moveTo>
                    <a:pt x="410" y="972"/>
                  </a:moveTo>
                  <a:lnTo>
                    <a:pt x="334" y="935"/>
                  </a:lnTo>
                  <a:lnTo>
                    <a:pt x="410" y="898"/>
                  </a:lnTo>
                  <a:lnTo>
                    <a:pt x="410" y="972"/>
                  </a:lnTo>
                  <a:close/>
                  <a:moveTo>
                    <a:pt x="327" y="931"/>
                  </a:moveTo>
                  <a:lnTo>
                    <a:pt x="242" y="891"/>
                  </a:lnTo>
                  <a:lnTo>
                    <a:pt x="327" y="850"/>
                  </a:lnTo>
                  <a:lnTo>
                    <a:pt x="410" y="891"/>
                  </a:lnTo>
                  <a:lnTo>
                    <a:pt x="327" y="931"/>
                  </a:lnTo>
                  <a:close/>
                  <a:moveTo>
                    <a:pt x="410" y="883"/>
                  </a:moveTo>
                  <a:lnTo>
                    <a:pt x="334" y="846"/>
                  </a:lnTo>
                  <a:lnTo>
                    <a:pt x="410" y="810"/>
                  </a:lnTo>
                  <a:lnTo>
                    <a:pt x="410" y="883"/>
                  </a:lnTo>
                  <a:close/>
                  <a:moveTo>
                    <a:pt x="327" y="842"/>
                  </a:moveTo>
                  <a:lnTo>
                    <a:pt x="242" y="802"/>
                  </a:lnTo>
                  <a:lnTo>
                    <a:pt x="327" y="763"/>
                  </a:lnTo>
                  <a:lnTo>
                    <a:pt x="410" y="802"/>
                  </a:lnTo>
                  <a:lnTo>
                    <a:pt x="327" y="842"/>
                  </a:lnTo>
                  <a:close/>
                  <a:moveTo>
                    <a:pt x="410" y="796"/>
                  </a:moveTo>
                  <a:lnTo>
                    <a:pt x="334" y="759"/>
                  </a:lnTo>
                  <a:lnTo>
                    <a:pt x="410" y="723"/>
                  </a:lnTo>
                  <a:lnTo>
                    <a:pt x="410" y="796"/>
                  </a:lnTo>
                  <a:close/>
                  <a:moveTo>
                    <a:pt x="327" y="755"/>
                  </a:moveTo>
                  <a:lnTo>
                    <a:pt x="242" y="715"/>
                  </a:lnTo>
                  <a:lnTo>
                    <a:pt x="327" y="674"/>
                  </a:lnTo>
                  <a:lnTo>
                    <a:pt x="410" y="715"/>
                  </a:lnTo>
                  <a:lnTo>
                    <a:pt x="327" y="755"/>
                  </a:lnTo>
                  <a:close/>
                  <a:moveTo>
                    <a:pt x="410" y="707"/>
                  </a:moveTo>
                  <a:lnTo>
                    <a:pt x="334" y="670"/>
                  </a:lnTo>
                  <a:lnTo>
                    <a:pt x="410" y="634"/>
                  </a:lnTo>
                  <a:lnTo>
                    <a:pt x="410" y="707"/>
                  </a:lnTo>
                  <a:close/>
                  <a:moveTo>
                    <a:pt x="410" y="622"/>
                  </a:moveTo>
                  <a:lnTo>
                    <a:pt x="334" y="585"/>
                  </a:lnTo>
                  <a:lnTo>
                    <a:pt x="410" y="549"/>
                  </a:lnTo>
                  <a:lnTo>
                    <a:pt x="410" y="622"/>
                  </a:lnTo>
                  <a:close/>
                  <a:moveTo>
                    <a:pt x="327" y="582"/>
                  </a:moveTo>
                  <a:lnTo>
                    <a:pt x="242" y="541"/>
                  </a:lnTo>
                  <a:lnTo>
                    <a:pt x="327" y="502"/>
                  </a:lnTo>
                  <a:lnTo>
                    <a:pt x="410" y="541"/>
                  </a:lnTo>
                  <a:lnTo>
                    <a:pt x="327" y="582"/>
                  </a:lnTo>
                  <a:close/>
                  <a:moveTo>
                    <a:pt x="410" y="535"/>
                  </a:moveTo>
                  <a:lnTo>
                    <a:pt x="334" y="498"/>
                  </a:lnTo>
                  <a:lnTo>
                    <a:pt x="410" y="462"/>
                  </a:lnTo>
                  <a:lnTo>
                    <a:pt x="410" y="535"/>
                  </a:lnTo>
                  <a:close/>
                  <a:moveTo>
                    <a:pt x="327" y="495"/>
                  </a:moveTo>
                  <a:lnTo>
                    <a:pt x="242" y="454"/>
                  </a:lnTo>
                  <a:lnTo>
                    <a:pt x="327" y="413"/>
                  </a:lnTo>
                  <a:lnTo>
                    <a:pt x="410" y="454"/>
                  </a:lnTo>
                  <a:lnTo>
                    <a:pt x="327" y="495"/>
                  </a:lnTo>
                  <a:close/>
                  <a:moveTo>
                    <a:pt x="410" y="446"/>
                  </a:moveTo>
                  <a:lnTo>
                    <a:pt x="334" y="410"/>
                  </a:lnTo>
                  <a:lnTo>
                    <a:pt x="410" y="373"/>
                  </a:lnTo>
                  <a:lnTo>
                    <a:pt x="410" y="446"/>
                  </a:lnTo>
                  <a:close/>
                  <a:moveTo>
                    <a:pt x="327" y="406"/>
                  </a:moveTo>
                  <a:lnTo>
                    <a:pt x="242" y="365"/>
                  </a:lnTo>
                  <a:lnTo>
                    <a:pt x="327" y="325"/>
                  </a:lnTo>
                  <a:lnTo>
                    <a:pt x="410" y="365"/>
                  </a:lnTo>
                  <a:lnTo>
                    <a:pt x="327" y="406"/>
                  </a:lnTo>
                  <a:close/>
                  <a:moveTo>
                    <a:pt x="334" y="321"/>
                  </a:moveTo>
                  <a:lnTo>
                    <a:pt x="410" y="286"/>
                  </a:lnTo>
                  <a:lnTo>
                    <a:pt x="410" y="357"/>
                  </a:lnTo>
                  <a:lnTo>
                    <a:pt x="334" y="321"/>
                  </a:lnTo>
                  <a:close/>
                  <a:moveTo>
                    <a:pt x="1028" y="209"/>
                  </a:moveTo>
                  <a:lnTo>
                    <a:pt x="1190" y="209"/>
                  </a:lnTo>
                  <a:lnTo>
                    <a:pt x="1190" y="278"/>
                  </a:lnTo>
                  <a:lnTo>
                    <a:pt x="1107" y="319"/>
                  </a:lnTo>
                  <a:lnTo>
                    <a:pt x="1024" y="278"/>
                  </a:lnTo>
                  <a:lnTo>
                    <a:pt x="1028" y="278"/>
                  </a:lnTo>
                  <a:lnTo>
                    <a:pt x="1028" y="209"/>
                  </a:lnTo>
                  <a:close/>
                  <a:moveTo>
                    <a:pt x="1103" y="321"/>
                  </a:moveTo>
                  <a:lnTo>
                    <a:pt x="1028" y="357"/>
                  </a:lnTo>
                  <a:lnTo>
                    <a:pt x="1028" y="286"/>
                  </a:lnTo>
                  <a:lnTo>
                    <a:pt x="1103" y="321"/>
                  </a:lnTo>
                  <a:close/>
                  <a:moveTo>
                    <a:pt x="1028" y="373"/>
                  </a:moveTo>
                  <a:lnTo>
                    <a:pt x="1103" y="410"/>
                  </a:lnTo>
                  <a:lnTo>
                    <a:pt x="1028" y="446"/>
                  </a:lnTo>
                  <a:lnTo>
                    <a:pt x="1028" y="373"/>
                  </a:lnTo>
                  <a:close/>
                  <a:moveTo>
                    <a:pt x="1028" y="462"/>
                  </a:moveTo>
                  <a:lnTo>
                    <a:pt x="1103" y="498"/>
                  </a:lnTo>
                  <a:lnTo>
                    <a:pt x="1028" y="535"/>
                  </a:lnTo>
                  <a:lnTo>
                    <a:pt x="1028" y="462"/>
                  </a:lnTo>
                  <a:close/>
                  <a:moveTo>
                    <a:pt x="1028" y="628"/>
                  </a:moveTo>
                  <a:lnTo>
                    <a:pt x="1109" y="589"/>
                  </a:lnTo>
                  <a:lnTo>
                    <a:pt x="1188" y="628"/>
                  </a:lnTo>
                  <a:lnTo>
                    <a:pt x="1109" y="667"/>
                  </a:lnTo>
                  <a:lnTo>
                    <a:pt x="1028" y="628"/>
                  </a:lnTo>
                  <a:close/>
                  <a:moveTo>
                    <a:pt x="1103" y="670"/>
                  </a:moveTo>
                  <a:lnTo>
                    <a:pt x="1028" y="707"/>
                  </a:lnTo>
                  <a:lnTo>
                    <a:pt x="1028" y="634"/>
                  </a:lnTo>
                  <a:lnTo>
                    <a:pt x="1103" y="670"/>
                  </a:lnTo>
                  <a:close/>
                  <a:moveTo>
                    <a:pt x="1028" y="622"/>
                  </a:moveTo>
                  <a:lnTo>
                    <a:pt x="1028" y="549"/>
                  </a:lnTo>
                  <a:lnTo>
                    <a:pt x="1103" y="585"/>
                  </a:lnTo>
                  <a:lnTo>
                    <a:pt x="1028" y="622"/>
                  </a:lnTo>
                  <a:close/>
                  <a:moveTo>
                    <a:pt x="1028" y="723"/>
                  </a:moveTo>
                  <a:lnTo>
                    <a:pt x="1103" y="759"/>
                  </a:lnTo>
                  <a:lnTo>
                    <a:pt x="1028" y="796"/>
                  </a:lnTo>
                  <a:lnTo>
                    <a:pt x="1028" y="723"/>
                  </a:lnTo>
                  <a:close/>
                  <a:moveTo>
                    <a:pt x="1028" y="810"/>
                  </a:moveTo>
                  <a:lnTo>
                    <a:pt x="1103" y="846"/>
                  </a:lnTo>
                  <a:lnTo>
                    <a:pt x="1028" y="883"/>
                  </a:lnTo>
                  <a:lnTo>
                    <a:pt x="1028" y="810"/>
                  </a:lnTo>
                  <a:close/>
                  <a:moveTo>
                    <a:pt x="1024" y="970"/>
                  </a:moveTo>
                  <a:lnTo>
                    <a:pt x="1024" y="898"/>
                  </a:lnTo>
                  <a:lnTo>
                    <a:pt x="1101" y="935"/>
                  </a:lnTo>
                  <a:lnTo>
                    <a:pt x="1024" y="970"/>
                  </a:lnTo>
                  <a:close/>
                  <a:moveTo>
                    <a:pt x="1190" y="972"/>
                  </a:moveTo>
                  <a:lnTo>
                    <a:pt x="1115" y="935"/>
                  </a:lnTo>
                  <a:lnTo>
                    <a:pt x="1190" y="898"/>
                  </a:lnTo>
                  <a:lnTo>
                    <a:pt x="1190" y="972"/>
                  </a:lnTo>
                  <a:close/>
                  <a:moveTo>
                    <a:pt x="1109" y="931"/>
                  </a:moveTo>
                  <a:lnTo>
                    <a:pt x="1024" y="891"/>
                  </a:lnTo>
                  <a:lnTo>
                    <a:pt x="1109" y="850"/>
                  </a:lnTo>
                  <a:lnTo>
                    <a:pt x="1192" y="891"/>
                  </a:lnTo>
                  <a:lnTo>
                    <a:pt x="1109" y="931"/>
                  </a:lnTo>
                  <a:close/>
                  <a:moveTo>
                    <a:pt x="1190" y="883"/>
                  </a:moveTo>
                  <a:lnTo>
                    <a:pt x="1115" y="846"/>
                  </a:lnTo>
                  <a:lnTo>
                    <a:pt x="1190" y="810"/>
                  </a:lnTo>
                  <a:lnTo>
                    <a:pt x="1190" y="883"/>
                  </a:lnTo>
                  <a:close/>
                  <a:moveTo>
                    <a:pt x="1109" y="842"/>
                  </a:moveTo>
                  <a:lnTo>
                    <a:pt x="1024" y="802"/>
                  </a:lnTo>
                  <a:lnTo>
                    <a:pt x="1109" y="763"/>
                  </a:lnTo>
                  <a:lnTo>
                    <a:pt x="1192" y="802"/>
                  </a:lnTo>
                  <a:lnTo>
                    <a:pt x="1109" y="842"/>
                  </a:lnTo>
                  <a:close/>
                  <a:moveTo>
                    <a:pt x="1190" y="796"/>
                  </a:moveTo>
                  <a:lnTo>
                    <a:pt x="1115" y="759"/>
                  </a:lnTo>
                  <a:lnTo>
                    <a:pt x="1190" y="723"/>
                  </a:lnTo>
                  <a:lnTo>
                    <a:pt x="1190" y="796"/>
                  </a:lnTo>
                  <a:close/>
                  <a:moveTo>
                    <a:pt x="1109" y="755"/>
                  </a:moveTo>
                  <a:lnTo>
                    <a:pt x="1024" y="715"/>
                  </a:lnTo>
                  <a:lnTo>
                    <a:pt x="1109" y="674"/>
                  </a:lnTo>
                  <a:lnTo>
                    <a:pt x="1192" y="715"/>
                  </a:lnTo>
                  <a:lnTo>
                    <a:pt x="1109" y="755"/>
                  </a:lnTo>
                  <a:close/>
                  <a:moveTo>
                    <a:pt x="1190" y="707"/>
                  </a:moveTo>
                  <a:lnTo>
                    <a:pt x="1115" y="670"/>
                  </a:lnTo>
                  <a:lnTo>
                    <a:pt x="1190" y="634"/>
                  </a:lnTo>
                  <a:lnTo>
                    <a:pt x="1190" y="707"/>
                  </a:lnTo>
                  <a:close/>
                  <a:moveTo>
                    <a:pt x="1190" y="622"/>
                  </a:moveTo>
                  <a:lnTo>
                    <a:pt x="1115" y="585"/>
                  </a:lnTo>
                  <a:lnTo>
                    <a:pt x="1190" y="549"/>
                  </a:lnTo>
                  <a:lnTo>
                    <a:pt x="1190" y="622"/>
                  </a:lnTo>
                  <a:close/>
                  <a:moveTo>
                    <a:pt x="1109" y="582"/>
                  </a:moveTo>
                  <a:lnTo>
                    <a:pt x="1024" y="541"/>
                  </a:lnTo>
                  <a:lnTo>
                    <a:pt x="1109" y="502"/>
                  </a:lnTo>
                  <a:lnTo>
                    <a:pt x="1192" y="541"/>
                  </a:lnTo>
                  <a:lnTo>
                    <a:pt x="1109" y="582"/>
                  </a:lnTo>
                  <a:close/>
                  <a:moveTo>
                    <a:pt x="1190" y="535"/>
                  </a:moveTo>
                  <a:lnTo>
                    <a:pt x="1115" y="498"/>
                  </a:lnTo>
                  <a:lnTo>
                    <a:pt x="1190" y="462"/>
                  </a:lnTo>
                  <a:lnTo>
                    <a:pt x="1190" y="535"/>
                  </a:lnTo>
                  <a:close/>
                  <a:moveTo>
                    <a:pt x="1109" y="495"/>
                  </a:moveTo>
                  <a:lnTo>
                    <a:pt x="1024" y="454"/>
                  </a:lnTo>
                  <a:lnTo>
                    <a:pt x="1109" y="413"/>
                  </a:lnTo>
                  <a:lnTo>
                    <a:pt x="1192" y="454"/>
                  </a:lnTo>
                  <a:lnTo>
                    <a:pt x="1109" y="495"/>
                  </a:lnTo>
                  <a:close/>
                  <a:moveTo>
                    <a:pt x="1190" y="446"/>
                  </a:moveTo>
                  <a:lnTo>
                    <a:pt x="1115" y="410"/>
                  </a:lnTo>
                  <a:lnTo>
                    <a:pt x="1190" y="373"/>
                  </a:lnTo>
                  <a:lnTo>
                    <a:pt x="1190" y="446"/>
                  </a:lnTo>
                  <a:close/>
                  <a:moveTo>
                    <a:pt x="1109" y="406"/>
                  </a:moveTo>
                  <a:lnTo>
                    <a:pt x="1024" y="365"/>
                  </a:lnTo>
                  <a:lnTo>
                    <a:pt x="1109" y="325"/>
                  </a:lnTo>
                  <a:lnTo>
                    <a:pt x="1192" y="365"/>
                  </a:lnTo>
                  <a:lnTo>
                    <a:pt x="1109" y="406"/>
                  </a:lnTo>
                  <a:close/>
                  <a:moveTo>
                    <a:pt x="1117" y="321"/>
                  </a:moveTo>
                  <a:lnTo>
                    <a:pt x="1192" y="286"/>
                  </a:lnTo>
                  <a:lnTo>
                    <a:pt x="1192" y="357"/>
                  </a:lnTo>
                  <a:lnTo>
                    <a:pt x="1117" y="32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53" name="Freeform 6">
              <a:extLst>
                <a:ext uri="{FF2B5EF4-FFF2-40B4-BE49-F238E27FC236}">
                  <a16:creationId xmlns:a16="http://schemas.microsoft.com/office/drawing/2014/main" id="{14630402-F82B-46E7-8FAF-E431A50D2EAE}"/>
                </a:ext>
              </a:extLst>
            </p:cNvPr>
            <p:cNvSpPr>
              <a:spLocks noEditPoints="1"/>
            </p:cNvSpPr>
            <p:nvPr/>
          </p:nvSpPr>
          <p:spPr bwMode="auto">
            <a:xfrm>
              <a:off x="1713" y="486"/>
              <a:ext cx="1121" cy="1194"/>
            </a:xfrm>
            <a:custGeom>
              <a:avLst/>
              <a:gdLst>
                <a:gd name="T0" fmla="*/ 1084 w 1121"/>
                <a:gd name="T1" fmla="*/ 102 h 1194"/>
                <a:gd name="T2" fmla="*/ 912 w 1121"/>
                <a:gd name="T3" fmla="*/ 1039 h 1194"/>
                <a:gd name="T4" fmla="*/ 696 w 1121"/>
                <a:gd name="T5" fmla="*/ 877 h 1194"/>
                <a:gd name="T6" fmla="*/ 703 w 1121"/>
                <a:gd name="T7" fmla="*/ 902 h 1194"/>
                <a:gd name="T8" fmla="*/ 697 w 1121"/>
                <a:gd name="T9" fmla="*/ 836 h 1194"/>
                <a:gd name="T10" fmla="*/ 471 w 1121"/>
                <a:gd name="T11" fmla="*/ 893 h 1194"/>
                <a:gd name="T12" fmla="*/ 263 w 1121"/>
                <a:gd name="T13" fmla="*/ 545 h 1194"/>
                <a:gd name="T14" fmla="*/ 162 w 1121"/>
                <a:gd name="T15" fmla="*/ 112 h 1194"/>
                <a:gd name="T16" fmla="*/ 162 w 1121"/>
                <a:gd name="T17" fmla="*/ 43 h 1194"/>
                <a:gd name="T18" fmla="*/ 8 w 1121"/>
                <a:gd name="T19" fmla="*/ 908 h 1194"/>
                <a:gd name="T20" fmla="*/ 968 w 1121"/>
                <a:gd name="T21" fmla="*/ 856 h 1194"/>
                <a:gd name="T22" fmla="*/ 976 w 1121"/>
                <a:gd name="T23" fmla="*/ 800 h 1194"/>
                <a:gd name="T24" fmla="*/ 980 w 1121"/>
                <a:gd name="T25" fmla="*/ 815 h 1194"/>
                <a:gd name="T26" fmla="*/ 1007 w 1121"/>
                <a:gd name="T27" fmla="*/ 844 h 1194"/>
                <a:gd name="T28" fmla="*/ 1045 w 1121"/>
                <a:gd name="T29" fmla="*/ 728 h 1194"/>
                <a:gd name="T30" fmla="*/ 1067 w 1121"/>
                <a:gd name="T31" fmla="*/ 539 h 1194"/>
                <a:gd name="T32" fmla="*/ 1096 w 1121"/>
                <a:gd name="T33" fmla="*/ 290 h 1194"/>
                <a:gd name="T34" fmla="*/ 1115 w 1121"/>
                <a:gd name="T35" fmla="*/ 131 h 1194"/>
                <a:gd name="T36" fmla="*/ 1096 w 1121"/>
                <a:gd name="T37" fmla="*/ 153 h 1194"/>
                <a:gd name="T38" fmla="*/ 1097 w 1121"/>
                <a:gd name="T39" fmla="*/ 282 h 1194"/>
                <a:gd name="T40" fmla="*/ 1061 w 1121"/>
                <a:gd name="T41" fmla="*/ 408 h 1194"/>
                <a:gd name="T42" fmla="*/ 1032 w 1121"/>
                <a:gd name="T43" fmla="*/ 452 h 1194"/>
                <a:gd name="T44" fmla="*/ 1047 w 1121"/>
                <a:gd name="T45" fmla="*/ 502 h 1194"/>
                <a:gd name="T46" fmla="*/ 1003 w 1121"/>
                <a:gd name="T47" fmla="*/ 634 h 1194"/>
                <a:gd name="T48" fmla="*/ 1010 w 1121"/>
                <a:gd name="T49" fmla="*/ 761 h 1194"/>
                <a:gd name="T50" fmla="*/ 976 w 1121"/>
                <a:gd name="T51" fmla="*/ 775 h 1194"/>
                <a:gd name="T52" fmla="*/ 935 w 1121"/>
                <a:gd name="T53" fmla="*/ 543 h 1194"/>
                <a:gd name="T54" fmla="*/ 895 w 1121"/>
                <a:gd name="T55" fmla="*/ 355 h 1194"/>
                <a:gd name="T56" fmla="*/ 837 w 1121"/>
                <a:gd name="T57" fmla="*/ 149 h 1194"/>
                <a:gd name="T58" fmla="*/ 825 w 1121"/>
                <a:gd name="T59" fmla="*/ 189 h 1194"/>
                <a:gd name="T60" fmla="*/ 827 w 1121"/>
                <a:gd name="T61" fmla="*/ 205 h 1194"/>
                <a:gd name="T62" fmla="*/ 869 w 1121"/>
                <a:gd name="T63" fmla="*/ 326 h 1194"/>
                <a:gd name="T64" fmla="*/ 916 w 1121"/>
                <a:gd name="T65" fmla="*/ 448 h 1194"/>
                <a:gd name="T66" fmla="*/ 918 w 1121"/>
                <a:gd name="T67" fmla="*/ 580 h 1194"/>
                <a:gd name="T68" fmla="*/ 900 w 1121"/>
                <a:gd name="T69" fmla="*/ 632 h 1194"/>
                <a:gd name="T70" fmla="*/ 935 w 1121"/>
                <a:gd name="T71" fmla="*/ 672 h 1194"/>
                <a:gd name="T72" fmla="*/ 931 w 1121"/>
                <a:gd name="T73" fmla="*/ 811 h 1194"/>
                <a:gd name="T74" fmla="*/ 216 w 1121"/>
                <a:gd name="T75" fmla="*/ 350 h 1194"/>
                <a:gd name="T76" fmla="*/ 147 w 1121"/>
                <a:gd name="T77" fmla="*/ 37 h 1194"/>
                <a:gd name="T78" fmla="*/ 147 w 1121"/>
                <a:gd name="T79" fmla="*/ 99 h 1194"/>
                <a:gd name="T80" fmla="*/ 147 w 1121"/>
                <a:gd name="T81" fmla="*/ 120 h 1194"/>
                <a:gd name="T82" fmla="*/ 23 w 1121"/>
                <a:gd name="T83" fmla="*/ 133 h 1194"/>
                <a:gd name="T84" fmla="*/ 23 w 1121"/>
                <a:gd name="T85" fmla="*/ 247 h 1194"/>
                <a:gd name="T86" fmla="*/ 141 w 1121"/>
                <a:gd name="T87" fmla="*/ 460 h 1194"/>
                <a:gd name="T88" fmla="*/ 23 w 1121"/>
                <a:gd name="T89" fmla="*/ 551 h 1194"/>
                <a:gd name="T90" fmla="*/ 158 w 1121"/>
                <a:gd name="T91" fmla="*/ 680 h 1194"/>
                <a:gd name="T92" fmla="*/ 112 w 1121"/>
                <a:gd name="T93" fmla="*/ 692 h 1194"/>
                <a:gd name="T94" fmla="*/ 23 w 1121"/>
                <a:gd name="T95" fmla="*/ 688 h 1194"/>
                <a:gd name="T96" fmla="*/ 23 w 1121"/>
                <a:gd name="T97" fmla="*/ 734 h 1194"/>
                <a:gd name="T98" fmla="*/ 23 w 1121"/>
                <a:gd name="T99" fmla="*/ 831 h 1194"/>
                <a:gd name="T100" fmla="*/ 191 w 1121"/>
                <a:gd name="T101" fmla="*/ 891 h 1194"/>
                <a:gd name="T102" fmla="*/ 164 w 1121"/>
                <a:gd name="T103" fmla="*/ 697 h 1194"/>
                <a:gd name="T104" fmla="*/ 234 w 1121"/>
                <a:gd name="T105" fmla="*/ 825 h 1194"/>
                <a:gd name="T106" fmla="*/ 185 w 1121"/>
                <a:gd name="T107" fmla="*/ 730 h 1194"/>
                <a:gd name="T108" fmla="*/ 168 w 1121"/>
                <a:gd name="T109" fmla="*/ 692 h 1194"/>
                <a:gd name="T110" fmla="*/ 247 w 1121"/>
                <a:gd name="T111" fmla="*/ 558 h 1194"/>
                <a:gd name="T112" fmla="*/ 147 w 1121"/>
                <a:gd name="T113" fmla="*/ 460 h 11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121" h="1194">
                  <a:moveTo>
                    <a:pt x="920" y="1101"/>
                  </a:moveTo>
                  <a:lnTo>
                    <a:pt x="1051" y="1101"/>
                  </a:lnTo>
                  <a:lnTo>
                    <a:pt x="1051" y="854"/>
                  </a:lnTo>
                  <a:lnTo>
                    <a:pt x="1038" y="854"/>
                  </a:lnTo>
                  <a:lnTo>
                    <a:pt x="1121" y="106"/>
                  </a:lnTo>
                  <a:lnTo>
                    <a:pt x="1117" y="106"/>
                  </a:lnTo>
                  <a:lnTo>
                    <a:pt x="1117" y="108"/>
                  </a:lnTo>
                  <a:lnTo>
                    <a:pt x="1088" y="104"/>
                  </a:lnTo>
                  <a:lnTo>
                    <a:pt x="1088" y="104"/>
                  </a:lnTo>
                  <a:lnTo>
                    <a:pt x="1084" y="102"/>
                  </a:lnTo>
                  <a:lnTo>
                    <a:pt x="982" y="732"/>
                  </a:lnTo>
                  <a:lnTo>
                    <a:pt x="844" y="102"/>
                  </a:lnTo>
                  <a:lnTo>
                    <a:pt x="840" y="104"/>
                  </a:lnTo>
                  <a:lnTo>
                    <a:pt x="840" y="104"/>
                  </a:lnTo>
                  <a:lnTo>
                    <a:pt x="811" y="110"/>
                  </a:lnTo>
                  <a:lnTo>
                    <a:pt x="811" y="110"/>
                  </a:lnTo>
                  <a:lnTo>
                    <a:pt x="810" y="108"/>
                  </a:lnTo>
                  <a:lnTo>
                    <a:pt x="933" y="854"/>
                  </a:lnTo>
                  <a:lnTo>
                    <a:pt x="912" y="854"/>
                  </a:lnTo>
                  <a:lnTo>
                    <a:pt x="912" y="1039"/>
                  </a:lnTo>
                  <a:lnTo>
                    <a:pt x="510" y="1039"/>
                  </a:lnTo>
                  <a:lnTo>
                    <a:pt x="510" y="923"/>
                  </a:lnTo>
                  <a:lnTo>
                    <a:pt x="533" y="923"/>
                  </a:lnTo>
                  <a:lnTo>
                    <a:pt x="533" y="893"/>
                  </a:lnTo>
                  <a:lnTo>
                    <a:pt x="527" y="893"/>
                  </a:lnTo>
                  <a:lnTo>
                    <a:pt x="524" y="786"/>
                  </a:lnTo>
                  <a:lnTo>
                    <a:pt x="547" y="707"/>
                  </a:lnTo>
                  <a:lnTo>
                    <a:pt x="607" y="639"/>
                  </a:lnTo>
                  <a:lnTo>
                    <a:pt x="696" y="846"/>
                  </a:lnTo>
                  <a:lnTo>
                    <a:pt x="696" y="877"/>
                  </a:lnTo>
                  <a:lnTo>
                    <a:pt x="659" y="877"/>
                  </a:lnTo>
                  <a:lnTo>
                    <a:pt x="674" y="893"/>
                  </a:lnTo>
                  <a:lnTo>
                    <a:pt x="703" y="893"/>
                  </a:lnTo>
                  <a:lnTo>
                    <a:pt x="703" y="898"/>
                  </a:lnTo>
                  <a:lnTo>
                    <a:pt x="572" y="898"/>
                  </a:lnTo>
                  <a:lnTo>
                    <a:pt x="572" y="902"/>
                  </a:lnTo>
                  <a:lnTo>
                    <a:pt x="703" y="902"/>
                  </a:lnTo>
                  <a:lnTo>
                    <a:pt x="703" y="923"/>
                  </a:lnTo>
                  <a:lnTo>
                    <a:pt x="703" y="923"/>
                  </a:lnTo>
                  <a:lnTo>
                    <a:pt x="703" y="902"/>
                  </a:lnTo>
                  <a:lnTo>
                    <a:pt x="811" y="902"/>
                  </a:lnTo>
                  <a:lnTo>
                    <a:pt x="811" y="896"/>
                  </a:lnTo>
                  <a:lnTo>
                    <a:pt x="703" y="898"/>
                  </a:lnTo>
                  <a:lnTo>
                    <a:pt x="703" y="893"/>
                  </a:lnTo>
                  <a:lnTo>
                    <a:pt x="715" y="893"/>
                  </a:lnTo>
                  <a:lnTo>
                    <a:pt x="726" y="877"/>
                  </a:lnTo>
                  <a:lnTo>
                    <a:pt x="696" y="877"/>
                  </a:lnTo>
                  <a:lnTo>
                    <a:pt x="696" y="840"/>
                  </a:lnTo>
                  <a:lnTo>
                    <a:pt x="696" y="840"/>
                  </a:lnTo>
                  <a:lnTo>
                    <a:pt x="697" y="836"/>
                  </a:lnTo>
                  <a:lnTo>
                    <a:pt x="699" y="836"/>
                  </a:lnTo>
                  <a:lnTo>
                    <a:pt x="699" y="836"/>
                  </a:lnTo>
                  <a:lnTo>
                    <a:pt x="622" y="620"/>
                  </a:lnTo>
                  <a:lnTo>
                    <a:pt x="564" y="614"/>
                  </a:lnTo>
                  <a:lnTo>
                    <a:pt x="495" y="788"/>
                  </a:lnTo>
                  <a:lnTo>
                    <a:pt x="495" y="788"/>
                  </a:lnTo>
                  <a:lnTo>
                    <a:pt x="495" y="846"/>
                  </a:lnTo>
                  <a:lnTo>
                    <a:pt x="487" y="846"/>
                  </a:lnTo>
                  <a:lnTo>
                    <a:pt x="487" y="893"/>
                  </a:lnTo>
                  <a:lnTo>
                    <a:pt x="471" y="893"/>
                  </a:lnTo>
                  <a:lnTo>
                    <a:pt x="471" y="923"/>
                  </a:lnTo>
                  <a:lnTo>
                    <a:pt x="487" y="923"/>
                  </a:lnTo>
                  <a:lnTo>
                    <a:pt x="487" y="1039"/>
                  </a:lnTo>
                  <a:lnTo>
                    <a:pt x="270" y="1039"/>
                  </a:lnTo>
                  <a:lnTo>
                    <a:pt x="270" y="908"/>
                  </a:lnTo>
                  <a:lnTo>
                    <a:pt x="263" y="908"/>
                  </a:lnTo>
                  <a:lnTo>
                    <a:pt x="263" y="641"/>
                  </a:lnTo>
                  <a:lnTo>
                    <a:pt x="263" y="641"/>
                  </a:lnTo>
                  <a:lnTo>
                    <a:pt x="263" y="641"/>
                  </a:lnTo>
                  <a:lnTo>
                    <a:pt x="263" y="545"/>
                  </a:lnTo>
                  <a:lnTo>
                    <a:pt x="270" y="545"/>
                  </a:lnTo>
                  <a:lnTo>
                    <a:pt x="270" y="466"/>
                  </a:lnTo>
                  <a:lnTo>
                    <a:pt x="270" y="466"/>
                  </a:lnTo>
                  <a:lnTo>
                    <a:pt x="270" y="462"/>
                  </a:lnTo>
                  <a:lnTo>
                    <a:pt x="270" y="460"/>
                  </a:lnTo>
                  <a:lnTo>
                    <a:pt x="267" y="460"/>
                  </a:lnTo>
                  <a:lnTo>
                    <a:pt x="162" y="116"/>
                  </a:lnTo>
                  <a:lnTo>
                    <a:pt x="162" y="112"/>
                  </a:lnTo>
                  <a:lnTo>
                    <a:pt x="162" y="112"/>
                  </a:lnTo>
                  <a:lnTo>
                    <a:pt x="162" y="112"/>
                  </a:lnTo>
                  <a:lnTo>
                    <a:pt x="162" y="112"/>
                  </a:lnTo>
                  <a:lnTo>
                    <a:pt x="162" y="104"/>
                  </a:lnTo>
                  <a:lnTo>
                    <a:pt x="162" y="104"/>
                  </a:lnTo>
                  <a:lnTo>
                    <a:pt x="162" y="97"/>
                  </a:lnTo>
                  <a:lnTo>
                    <a:pt x="162" y="97"/>
                  </a:lnTo>
                  <a:lnTo>
                    <a:pt x="162" y="50"/>
                  </a:lnTo>
                  <a:lnTo>
                    <a:pt x="162" y="50"/>
                  </a:lnTo>
                  <a:lnTo>
                    <a:pt x="162" y="43"/>
                  </a:lnTo>
                  <a:lnTo>
                    <a:pt x="162" y="43"/>
                  </a:lnTo>
                  <a:lnTo>
                    <a:pt x="162" y="43"/>
                  </a:lnTo>
                  <a:lnTo>
                    <a:pt x="162" y="43"/>
                  </a:lnTo>
                  <a:lnTo>
                    <a:pt x="162" y="35"/>
                  </a:lnTo>
                  <a:lnTo>
                    <a:pt x="162" y="35"/>
                  </a:lnTo>
                  <a:lnTo>
                    <a:pt x="162" y="4"/>
                  </a:lnTo>
                  <a:lnTo>
                    <a:pt x="162" y="4"/>
                  </a:lnTo>
                  <a:lnTo>
                    <a:pt x="162" y="0"/>
                  </a:lnTo>
                  <a:lnTo>
                    <a:pt x="8" y="0"/>
                  </a:lnTo>
                  <a:lnTo>
                    <a:pt x="8" y="4"/>
                  </a:lnTo>
                  <a:lnTo>
                    <a:pt x="8" y="4"/>
                  </a:lnTo>
                  <a:lnTo>
                    <a:pt x="8" y="908"/>
                  </a:lnTo>
                  <a:lnTo>
                    <a:pt x="0" y="908"/>
                  </a:lnTo>
                  <a:lnTo>
                    <a:pt x="0" y="1194"/>
                  </a:lnTo>
                  <a:lnTo>
                    <a:pt x="243" y="1194"/>
                  </a:lnTo>
                  <a:lnTo>
                    <a:pt x="272" y="1194"/>
                  </a:lnTo>
                  <a:lnTo>
                    <a:pt x="920" y="1194"/>
                  </a:lnTo>
                  <a:lnTo>
                    <a:pt x="920" y="1101"/>
                  </a:lnTo>
                  <a:close/>
                  <a:moveTo>
                    <a:pt x="968" y="856"/>
                  </a:moveTo>
                  <a:lnTo>
                    <a:pt x="970" y="846"/>
                  </a:lnTo>
                  <a:lnTo>
                    <a:pt x="982" y="856"/>
                  </a:lnTo>
                  <a:lnTo>
                    <a:pt x="968" y="856"/>
                  </a:lnTo>
                  <a:close/>
                  <a:moveTo>
                    <a:pt x="987" y="854"/>
                  </a:moveTo>
                  <a:lnTo>
                    <a:pt x="970" y="840"/>
                  </a:lnTo>
                  <a:lnTo>
                    <a:pt x="982" y="819"/>
                  </a:lnTo>
                  <a:lnTo>
                    <a:pt x="997" y="846"/>
                  </a:lnTo>
                  <a:lnTo>
                    <a:pt x="987" y="854"/>
                  </a:lnTo>
                  <a:lnTo>
                    <a:pt x="987" y="854"/>
                  </a:lnTo>
                  <a:close/>
                  <a:moveTo>
                    <a:pt x="985" y="790"/>
                  </a:moveTo>
                  <a:lnTo>
                    <a:pt x="989" y="794"/>
                  </a:lnTo>
                  <a:lnTo>
                    <a:pt x="982" y="809"/>
                  </a:lnTo>
                  <a:lnTo>
                    <a:pt x="976" y="800"/>
                  </a:lnTo>
                  <a:lnTo>
                    <a:pt x="985" y="790"/>
                  </a:lnTo>
                  <a:close/>
                  <a:moveTo>
                    <a:pt x="978" y="792"/>
                  </a:moveTo>
                  <a:lnTo>
                    <a:pt x="980" y="784"/>
                  </a:lnTo>
                  <a:lnTo>
                    <a:pt x="983" y="788"/>
                  </a:lnTo>
                  <a:lnTo>
                    <a:pt x="978" y="792"/>
                  </a:lnTo>
                  <a:close/>
                  <a:moveTo>
                    <a:pt x="991" y="800"/>
                  </a:moveTo>
                  <a:lnTo>
                    <a:pt x="999" y="842"/>
                  </a:lnTo>
                  <a:lnTo>
                    <a:pt x="983" y="813"/>
                  </a:lnTo>
                  <a:lnTo>
                    <a:pt x="991" y="800"/>
                  </a:lnTo>
                  <a:close/>
                  <a:moveTo>
                    <a:pt x="980" y="815"/>
                  </a:moveTo>
                  <a:lnTo>
                    <a:pt x="972" y="829"/>
                  </a:lnTo>
                  <a:lnTo>
                    <a:pt x="976" y="808"/>
                  </a:lnTo>
                  <a:lnTo>
                    <a:pt x="980" y="815"/>
                  </a:lnTo>
                  <a:close/>
                  <a:moveTo>
                    <a:pt x="995" y="856"/>
                  </a:moveTo>
                  <a:lnTo>
                    <a:pt x="999" y="852"/>
                  </a:lnTo>
                  <a:lnTo>
                    <a:pt x="1003" y="856"/>
                  </a:lnTo>
                  <a:lnTo>
                    <a:pt x="995" y="856"/>
                  </a:lnTo>
                  <a:close/>
                  <a:moveTo>
                    <a:pt x="1030" y="854"/>
                  </a:moveTo>
                  <a:lnTo>
                    <a:pt x="1009" y="854"/>
                  </a:lnTo>
                  <a:lnTo>
                    <a:pt x="1007" y="844"/>
                  </a:lnTo>
                  <a:lnTo>
                    <a:pt x="1036" y="813"/>
                  </a:lnTo>
                  <a:lnTo>
                    <a:pt x="1030" y="854"/>
                  </a:lnTo>
                  <a:close/>
                  <a:moveTo>
                    <a:pt x="1005" y="840"/>
                  </a:moveTo>
                  <a:lnTo>
                    <a:pt x="993" y="784"/>
                  </a:lnTo>
                  <a:lnTo>
                    <a:pt x="1012" y="765"/>
                  </a:lnTo>
                  <a:lnTo>
                    <a:pt x="1036" y="808"/>
                  </a:lnTo>
                  <a:lnTo>
                    <a:pt x="1005" y="840"/>
                  </a:lnTo>
                  <a:close/>
                  <a:moveTo>
                    <a:pt x="1038" y="800"/>
                  </a:moveTo>
                  <a:lnTo>
                    <a:pt x="1014" y="761"/>
                  </a:lnTo>
                  <a:lnTo>
                    <a:pt x="1045" y="728"/>
                  </a:lnTo>
                  <a:lnTo>
                    <a:pt x="1038" y="800"/>
                  </a:lnTo>
                  <a:close/>
                  <a:moveTo>
                    <a:pt x="1047" y="713"/>
                  </a:moveTo>
                  <a:lnTo>
                    <a:pt x="1026" y="674"/>
                  </a:lnTo>
                  <a:lnTo>
                    <a:pt x="1055" y="641"/>
                  </a:lnTo>
                  <a:lnTo>
                    <a:pt x="1047" y="713"/>
                  </a:lnTo>
                  <a:close/>
                  <a:moveTo>
                    <a:pt x="1057" y="626"/>
                  </a:moveTo>
                  <a:lnTo>
                    <a:pt x="1039" y="585"/>
                  </a:lnTo>
                  <a:lnTo>
                    <a:pt x="1067" y="553"/>
                  </a:lnTo>
                  <a:lnTo>
                    <a:pt x="1057" y="626"/>
                  </a:lnTo>
                  <a:close/>
                  <a:moveTo>
                    <a:pt x="1067" y="539"/>
                  </a:moveTo>
                  <a:lnTo>
                    <a:pt x="1051" y="498"/>
                  </a:lnTo>
                  <a:lnTo>
                    <a:pt x="1076" y="466"/>
                  </a:lnTo>
                  <a:lnTo>
                    <a:pt x="1067" y="539"/>
                  </a:lnTo>
                  <a:close/>
                  <a:moveTo>
                    <a:pt x="1078" y="450"/>
                  </a:moveTo>
                  <a:lnTo>
                    <a:pt x="1063" y="411"/>
                  </a:lnTo>
                  <a:lnTo>
                    <a:pt x="1086" y="379"/>
                  </a:lnTo>
                  <a:lnTo>
                    <a:pt x="1078" y="450"/>
                  </a:lnTo>
                  <a:close/>
                  <a:moveTo>
                    <a:pt x="1088" y="363"/>
                  </a:moveTo>
                  <a:lnTo>
                    <a:pt x="1074" y="325"/>
                  </a:lnTo>
                  <a:lnTo>
                    <a:pt x="1096" y="290"/>
                  </a:lnTo>
                  <a:lnTo>
                    <a:pt x="1088" y="363"/>
                  </a:lnTo>
                  <a:close/>
                  <a:moveTo>
                    <a:pt x="1097" y="276"/>
                  </a:moveTo>
                  <a:lnTo>
                    <a:pt x="1086" y="238"/>
                  </a:lnTo>
                  <a:lnTo>
                    <a:pt x="1105" y="203"/>
                  </a:lnTo>
                  <a:lnTo>
                    <a:pt x="1097" y="276"/>
                  </a:lnTo>
                  <a:close/>
                  <a:moveTo>
                    <a:pt x="1115" y="131"/>
                  </a:moveTo>
                  <a:lnTo>
                    <a:pt x="1107" y="187"/>
                  </a:lnTo>
                  <a:lnTo>
                    <a:pt x="1097" y="149"/>
                  </a:lnTo>
                  <a:lnTo>
                    <a:pt x="1107" y="129"/>
                  </a:lnTo>
                  <a:lnTo>
                    <a:pt x="1115" y="131"/>
                  </a:lnTo>
                  <a:close/>
                  <a:moveTo>
                    <a:pt x="1105" y="129"/>
                  </a:moveTo>
                  <a:lnTo>
                    <a:pt x="1097" y="145"/>
                  </a:lnTo>
                  <a:lnTo>
                    <a:pt x="1094" y="128"/>
                  </a:lnTo>
                  <a:lnTo>
                    <a:pt x="1105" y="129"/>
                  </a:lnTo>
                  <a:close/>
                  <a:moveTo>
                    <a:pt x="1084" y="128"/>
                  </a:moveTo>
                  <a:lnTo>
                    <a:pt x="1090" y="128"/>
                  </a:lnTo>
                  <a:lnTo>
                    <a:pt x="1096" y="149"/>
                  </a:lnTo>
                  <a:lnTo>
                    <a:pt x="1074" y="184"/>
                  </a:lnTo>
                  <a:lnTo>
                    <a:pt x="1084" y="128"/>
                  </a:lnTo>
                  <a:close/>
                  <a:moveTo>
                    <a:pt x="1096" y="153"/>
                  </a:moveTo>
                  <a:lnTo>
                    <a:pt x="1107" y="195"/>
                  </a:lnTo>
                  <a:lnTo>
                    <a:pt x="1084" y="234"/>
                  </a:lnTo>
                  <a:lnTo>
                    <a:pt x="1074" y="191"/>
                  </a:lnTo>
                  <a:lnTo>
                    <a:pt x="1096" y="153"/>
                  </a:lnTo>
                  <a:close/>
                  <a:moveTo>
                    <a:pt x="1072" y="199"/>
                  </a:moveTo>
                  <a:lnTo>
                    <a:pt x="1082" y="236"/>
                  </a:lnTo>
                  <a:lnTo>
                    <a:pt x="1061" y="270"/>
                  </a:lnTo>
                  <a:lnTo>
                    <a:pt x="1072" y="199"/>
                  </a:lnTo>
                  <a:close/>
                  <a:moveTo>
                    <a:pt x="1084" y="240"/>
                  </a:moveTo>
                  <a:lnTo>
                    <a:pt x="1097" y="282"/>
                  </a:lnTo>
                  <a:lnTo>
                    <a:pt x="1072" y="321"/>
                  </a:lnTo>
                  <a:lnTo>
                    <a:pt x="1059" y="278"/>
                  </a:lnTo>
                  <a:lnTo>
                    <a:pt x="1084" y="240"/>
                  </a:lnTo>
                  <a:close/>
                  <a:moveTo>
                    <a:pt x="1059" y="286"/>
                  </a:moveTo>
                  <a:lnTo>
                    <a:pt x="1070" y="325"/>
                  </a:lnTo>
                  <a:lnTo>
                    <a:pt x="1047" y="357"/>
                  </a:lnTo>
                  <a:lnTo>
                    <a:pt x="1059" y="286"/>
                  </a:lnTo>
                  <a:close/>
                  <a:moveTo>
                    <a:pt x="1072" y="328"/>
                  </a:moveTo>
                  <a:lnTo>
                    <a:pt x="1086" y="371"/>
                  </a:lnTo>
                  <a:lnTo>
                    <a:pt x="1061" y="408"/>
                  </a:lnTo>
                  <a:lnTo>
                    <a:pt x="1045" y="365"/>
                  </a:lnTo>
                  <a:lnTo>
                    <a:pt x="1072" y="328"/>
                  </a:lnTo>
                  <a:close/>
                  <a:moveTo>
                    <a:pt x="1045" y="373"/>
                  </a:moveTo>
                  <a:lnTo>
                    <a:pt x="1059" y="411"/>
                  </a:lnTo>
                  <a:lnTo>
                    <a:pt x="1034" y="444"/>
                  </a:lnTo>
                  <a:lnTo>
                    <a:pt x="1045" y="373"/>
                  </a:lnTo>
                  <a:close/>
                  <a:moveTo>
                    <a:pt x="1059" y="415"/>
                  </a:moveTo>
                  <a:lnTo>
                    <a:pt x="1076" y="458"/>
                  </a:lnTo>
                  <a:lnTo>
                    <a:pt x="1049" y="495"/>
                  </a:lnTo>
                  <a:lnTo>
                    <a:pt x="1032" y="452"/>
                  </a:lnTo>
                  <a:lnTo>
                    <a:pt x="1059" y="415"/>
                  </a:lnTo>
                  <a:close/>
                  <a:moveTo>
                    <a:pt x="1030" y="460"/>
                  </a:moveTo>
                  <a:lnTo>
                    <a:pt x="1045" y="498"/>
                  </a:lnTo>
                  <a:lnTo>
                    <a:pt x="1018" y="531"/>
                  </a:lnTo>
                  <a:lnTo>
                    <a:pt x="1030" y="460"/>
                  </a:lnTo>
                  <a:close/>
                  <a:moveTo>
                    <a:pt x="1047" y="502"/>
                  </a:moveTo>
                  <a:lnTo>
                    <a:pt x="1067" y="545"/>
                  </a:lnTo>
                  <a:lnTo>
                    <a:pt x="1038" y="581"/>
                  </a:lnTo>
                  <a:lnTo>
                    <a:pt x="1018" y="539"/>
                  </a:lnTo>
                  <a:lnTo>
                    <a:pt x="1047" y="502"/>
                  </a:lnTo>
                  <a:close/>
                  <a:moveTo>
                    <a:pt x="1016" y="547"/>
                  </a:moveTo>
                  <a:lnTo>
                    <a:pt x="1034" y="585"/>
                  </a:lnTo>
                  <a:lnTo>
                    <a:pt x="1005" y="618"/>
                  </a:lnTo>
                  <a:lnTo>
                    <a:pt x="1016" y="547"/>
                  </a:lnTo>
                  <a:close/>
                  <a:moveTo>
                    <a:pt x="1036" y="589"/>
                  </a:moveTo>
                  <a:lnTo>
                    <a:pt x="1057" y="634"/>
                  </a:lnTo>
                  <a:lnTo>
                    <a:pt x="1024" y="670"/>
                  </a:lnTo>
                  <a:lnTo>
                    <a:pt x="1005" y="626"/>
                  </a:lnTo>
                  <a:lnTo>
                    <a:pt x="1036" y="589"/>
                  </a:lnTo>
                  <a:close/>
                  <a:moveTo>
                    <a:pt x="1003" y="634"/>
                  </a:moveTo>
                  <a:lnTo>
                    <a:pt x="1022" y="672"/>
                  </a:lnTo>
                  <a:lnTo>
                    <a:pt x="991" y="705"/>
                  </a:lnTo>
                  <a:lnTo>
                    <a:pt x="1003" y="634"/>
                  </a:lnTo>
                  <a:close/>
                  <a:moveTo>
                    <a:pt x="1024" y="676"/>
                  </a:moveTo>
                  <a:lnTo>
                    <a:pt x="1047" y="721"/>
                  </a:lnTo>
                  <a:lnTo>
                    <a:pt x="1012" y="757"/>
                  </a:lnTo>
                  <a:lnTo>
                    <a:pt x="991" y="713"/>
                  </a:lnTo>
                  <a:lnTo>
                    <a:pt x="1024" y="676"/>
                  </a:lnTo>
                  <a:close/>
                  <a:moveTo>
                    <a:pt x="989" y="721"/>
                  </a:moveTo>
                  <a:lnTo>
                    <a:pt x="1010" y="761"/>
                  </a:lnTo>
                  <a:lnTo>
                    <a:pt x="991" y="779"/>
                  </a:lnTo>
                  <a:lnTo>
                    <a:pt x="985" y="748"/>
                  </a:lnTo>
                  <a:lnTo>
                    <a:pt x="989" y="721"/>
                  </a:lnTo>
                  <a:close/>
                  <a:moveTo>
                    <a:pt x="982" y="761"/>
                  </a:moveTo>
                  <a:lnTo>
                    <a:pt x="987" y="782"/>
                  </a:lnTo>
                  <a:lnTo>
                    <a:pt x="985" y="784"/>
                  </a:lnTo>
                  <a:lnTo>
                    <a:pt x="980" y="779"/>
                  </a:lnTo>
                  <a:lnTo>
                    <a:pt x="982" y="761"/>
                  </a:lnTo>
                  <a:close/>
                  <a:moveTo>
                    <a:pt x="980" y="748"/>
                  </a:moveTo>
                  <a:lnTo>
                    <a:pt x="976" y="775"/>
                  </a:lnTo>
                  <a:lnTo>
                    <a:pt x="954" y="755"/>
                  </a:lnTo>
                  <a:lnTo>
                    <a:pt x="972" y="715"/>
                  </a:lnTo>
                  <a:lnTo>
                    <a:pt x="980" y="748"/>
                  </a:lnTo>
                  <a:close/>
                  <a:moveTo>
                    <a:pt x="970" y="699"/>
                  </a:moveTo>
                  <a:lnTo>
                    <a:pt x="937" y="668"/>
                  </a:lnTo>
                  <a:lnTo>
                    <a:pt x="954" y="628"/>
                  </a:lnTo>
                  <a:lnTo>
                    <a:pt x="970" y="699"/>
                  </a:lnTo>
                  <a:close/>
                  <a:moveTo>
                    <a:pt x="951" y="614"/>
                  </a:moveTo>
                  <a:lnTo>
                    <a:pt x="920" y="581"/>
                  </a:lnTo>
                  <a:lnTo>
                    <a:pt x="935" y="543"/>
                  </a:lnTo>
                  <a:lnTo>
                    <a:pt x="951" y="614"/>
                  </a:lnTo>
                  <a:close/>
                  <a:moveTo>
                    <a:pt x="931" y="527"/>
                  </a:moveTo>
                  <a:lnTo>
                    <a:pt x="904" y="496"/>
                  </a:lnTo>
                  <a:lnTo>
                    <a:pt x="916" y="456"/>
                  </a:lnTo>
                  <a:lnTo>
                    <a:pt x="931" y="527"/>
                  </a:lnTo>
                  <a:close/>
                  <a:moveTo>
                    <a:pt x="914" y="440"/>
                  </a:moveTo>
                  <a:lnTo>
                    <a:pt x="887" y="410"/>
                  </a:lnTo>
                  <a:lnTo>
                    <a:pt x="898" y="369"/>
                  </a:lnTo>
                  <a:lnTo>
                    <a:pt x="914" y="440"/>
                  </a:lnTo>
                  <a:close/>
                  <a:moveTo>
                    <a:pt x="895" y="355"/>
                  </a:moveTo>
                  <a:lnTo>
                    <a:pt x="869" y="323"/>
                  </a:lnTo>
                  <a:lnTo>
                    <a:pt x="879" y="284"/>
                  </a:lnTo>
                  <a:lnTo>
                    <a:pt x="895" y="355"/>
                  </a:lnTo>
                  <a:close/>
                  <a:moveTo>
                    <a:pt x="877" y="269"/>
                  </a:moveTo>
                  <a:lnTo>
                    <a:pt x="852" y="236"/>
                  </a:lnTo>
                  <a:lnTo>
                    <a:pt x="862" y="197"/>
                  </a:lnTo>
                  <a:lnTo>
                    <a:pt x="877" y="269"/>
                  </a:lnTo>
                  <a:close/>
                  <a:moveTo>
                    <a:pt x="846" y="128"/>
                  </a:moveTo>
                  <a:lnTo>
                    <a:pt x="858" y="182"/>
                  </a:lnTo>
                  <a:lnTo>
                    <a:pt x="837" y="149"/>
                  </a:lnTo>
                  <a:lnTo>
                    <a:pt x="840" y="128"/>
                  </a:lnTo>
                  <a:lnTo>
                    <a:pt x="846" y="128"/>
                  </a:lnTo>
                  <a:close/>
                  <a:moveTo>
                    <a:pt x="837" y="128"/>
                  </a:moveTo>
                  <a:lnTo>
                    <a:pt x="835" y="147"/>
                  </a:lnTo>
                  <a:lnTo>
                    <a:pt x="825" y="131"/>
                  </a:lnTo>
                  <a:lnTo>
                    <a:pt x="837" y="128"/>
                  </a:lnTo>
                  <a:close/>
                  <a:moveTo>
                    <a:pt x="815" y="133"/>
                  </a:moveTo>
                  <a:lnTo>
                    <a:pt x="821" y="131"/>
                  </a:lnTo>
                  <a:lnTo>
                    <a:pt x="833" y="151"/>
                  </a:lnTo>
                  <a:lnTo>
                    <a:pt x="825" y="189"/>
                  </a:lnTo>
                  <a:lnTo>
                    <a:pt x="815" y="133"/>
                  </a:lnTo>
                  <a:close/>
                  <a:moveTo>
                    <a:pt x="835" y="153"/>
                  </a:moveTo>
                  <a:lnTo>
                    <a:pt x="860" y="189"/>
                  </a:lnTo>
                  <a:lnTo>
                    <a:pt x="850" y="232"/>
                  </a:lnTo>
                  <a:lnTo>
                    <a:pt x="827" y="197"/>
                  </a:lnTo>
                  <a:lnTo>
                    <a:pt x="835" y="153"/>
                  </a:lnTo>
                  <a:close/>
                  <a:moveTo>
                    <a:pt x="827" y="205"/>
                  </a:moveTo>
                  <a:lnTo>
                    <a:pt x="850" y="238"/>
                  </a:lnTo>
                  <a:lnTo>
                    <a:pt x="840" y="276"/>
                  </a:lnTo>
                  <a:lnTo>
                    <a:pt x="827" y="205"/>
                  </a:lnTo>
                  <a:close/>
                  <a:moveTo>
                    <a:pt x="852" y="240"/>
                  </a:moveTo>
                  <a:lnTo>
                    <a:pt x="877" y="276"/>
                  </a:lnTo>
                  <a:lnTo>
                    <a:pt x="868" y="319"/>
                  </a:lnTo>
                  <a:lnTo>
                    <a:pt x="840" y="284"/>
                  </a:lnTo>
                  <a:lnTo>
                    <a:pt x="852" y="240"/>
                  </a:lnTo>
                  <a:close/>
                  <a:moveTo>
                    <a:pt x="842" y="292"/>
                  </a:moveTo>
                  <a:lnTo>
                    <a:pt x="866" y="323"/>
                  </a:lnTo>
                  <a:lnTo>
                    <a:pt x="854" y="363"/>
                  </a:lnTo>
                  <a:lnTo>
                    <a:pt x="842" y="292"/>
                  </a:lnTo>
                  <a:close/>
                  <a:moveTo>
                    <a:pt x="869" y="326"/>
                  </a:moveTo>
                  <a:lnTo>
                    <a:pt x="897" y="363"/>
                  </a:lnTo>
                  <a:lnTo>
                    <a:pt x="883" y="406"/>
                  </a:lnTo>
                  <a:lnTo>
                    <a:pt x="856" y="371"/>
                  </a:lnTo>
                  <a:lnTo>
                    <a:pt x="869" y="326"/>
                  </a:lnTo>
                  <a:close/>
                  <a:moveTo>
                    <a:pt x="858" y="377"/>
                  </a:moveTo>
                  <a:lnTo>
                    <a:pt x="883" y="410"/>
                  </a:lnTo>
                  <a:lnTo>
                    <a:pt x="869" y="450"/>
                  </a:lnTo>
                  <a:lnTo>
                    <a:pt x="858" y="377"/>
                  </a:lnTo>
                  <a:close/>
                  <a:moveTo>
                    <a:pt x="885" y="413"/>
                  </a:moveTo>
                  <a:lnTo>
                    <a:pt x="916" y="448"/>
                  </a:lnTo>
                  <a:lnTo>
                    <a:pt x="900" y="493"/>
                  </a:lnTo>
                  <a:lnTo>
                    <a:pt x="871" y="458"/>
                  </a:lnTo>
                  <a:lnTo>
                    <a:pt x="885" y="413"/>
                  </a:lnTo>
                  <a:close/>
                  <a:moveTo>
                    <a:pt x="871" y="464"/>
                  </a:moveTo>
                  <a:lnTo>
                    <a:pt x="898" y="496"/>
                  </a:lnTo>
                  <a:lnTo>
                    <a:pt x="885" y="537"/>
                  </a:lnTo>
                  <a:lnTo>
                    <a:pt x="871" y="464"/>
                  </a:lnTo>
                  <a:close/>
                  <a:moveTo>
                    <a:pt x="902" y="500"/>
                  </a:moveTo>
                  <a:lnTo>
                    <a:pt x="933" y="535"/>
                  </a:lnTo>
                  <a:lnTo>
                    <a:pt x="918" y="580"/>
                  </a:lnTo>
                  <a:lnTo>
                    <a:pt x="885" y="545"/>
                  </a:lnTo>
                  <a:lnTo>
                    <a:pt x="902" y="500"/>
                  </a:lnTo>
                  <a:close/>
                  <a:moveTo>
                    <a:pt x="887" y="551"/>
                  </a:moveTo>
                  <a:lnTo>
                    <a:pt x="916" y="583"/>
                  </a:lnTo>
                  <a:lnTo>
                    <a:pt x="898" y="624"/>
                  </a:lnTo>
                  <a:lnTo>
                    <a:pt x="887" y="551"/>
                  </a:lnTo>
                  <a:close/>
                  <a:moveTo>
                    <a:pt x="918" y="587"/>
                  </a:moveTo>
                  <a:lnTo>
                    <a:pt x="953" y="620"/>
                  </a:lnTo>
                  <a:lnTo>
                    <a:pt x="933" y="665"/>
                  </a:lnTo>
                  <a:lnTo>
                    <a:pt x="900" y="632"/>
                  </a:lnTo>
                  <a:lnTo>
                    <a:pt x="918" y="587"/>
                  </a:lnTo>
                  <a:close/>
                  <a:moveTo>
                    <a:pt x="902" y="638"/>
                  </a:moveTo>
                  <a:lnTo>
                    <a:pt x="931" y="670"/>
                  </a:lnTo>
                  <a:lnTo>
                    <a:pt x="914" y="711"/>
                  </a:lnTo>
                  <a:lnTo>
                    <a:pt x="902" y="638"/>
                  </a:lnTo>
                  <a:close/>
                  <a:moveTo>
                    <a:pt x="935" y="672"/>
                  </a:moveTo>
                  <a:lnTo>
                    <a:pt x="970" y="707"/>
                  </a:lnTo>
                  <a:lnTo>
                    <a:pt x="951" y="751"/>
                  </a:lnTo>
                  <a:lnTo>
                    <a:pt x="916" y="719"/>
                  </a:lnTo>
                  <a:lnTo>
                    <a:pt x="935" y="672"/>
                  </a:lnTo>
                  <a:close/>
                  <a:moveTo>
                    <a:pt x="916" y="724"/>
                  </a:moveTo>
                  <a:lnTo>
                    <a:pt x="949" y="755"/>
                  </a:lnTo>
                  <a:lnTo>
                    <a:pt x="929" y="798"/>
                  </a:lnTo>
                  <a:lnTo>
                    <a:pt x="916" y="724"/>
                  </a:lnTo>
                  <a:close/>
                  <a:moveTo>
                    <a:pt x="953" y="759"/>
                  </a:moveTo>
                  <a:lnTo>
                    <a:pt x="974" y="779"/>
                  </a:lnTo>
                  <a:lnTo>
                    <a:pt x="964" y="836"/>
                  </a:lnTo>
                  <a:lnTo>
                    <a:pt x="929" y="806"/>
                  </a:lnTo>
                  <a:lnTo>
                    <a:pt x="953" y="759"/>
                  </a:lnTo>
                  <a:close/>
                  <a:moveTo>
                    <a:pt x="931" y="811"/>
                  </a:moveTo>
                  <a:lnTo>
                    <a:pt x="964" y="840"/>
                  </a:lnTo>
                  <a:lnTo>
                    <a:pt x="962" y="846"/>
                  </a:lnTo>
                  <a:lnTo>
                    <a:pt x="958" y="854"/>
                  </a:lnTo>
                  <a:lnTo>
                    <a:pt x="939" y="854"/>
                  </a:lnTo>
                  <a:lnTo>
                    <a:pt x="931" y="811"/>
                  </a:lnTo>
                  <a:close/>
                  <a:moveTo>
                    <a:pt x="570" y="620"/>
                  </a:moveTo>
                  <a:lnTo>
                    <a:pt x="603" y="636"/>
                  </a:lnTo>
                  <a:lnTo>
                    <a:pt x="549" y="695"/>
                  </a:lnTo>
                  <a:lnTo>
                    <a:pt x="570" y="620"/>
                  </a:lnTo>
                  <a:close/>
                  <a:moveTo>
                    <a:pt x="216" y="350"/>
                  </a:moveTo>
                  <a:lnTo>
                    <a:pt x="128" y="350"/>
                  </a:lnTo>
                  <a:lnTo>
                    <a:pt x="187" y="253"/>
                  </a:lnTo>
                  <a:lnTo>
                    <a:pt x="216" y="350"/>
                  </a:lnTo>
                  <a:close/>
                  <a:moveTo>
                    <a:pt x="182" y="238"/>
                  </a:moveTo>
                  <a:lnTo>
                    <a:pt x="110" y="238"/>
                  </a:lnTo>
                  <a:lnTo>
                    <a:pt x="151" y="139"/>
                  </a:lnTo>
                  <a:lnTo>
                    <a:pt x="182" y="238"/>
                  </a:lnTo>
                  <a:close/>
                  <a:moveTo>
                    <a:pt x="23" y="6"/>
                  </a:moveTo>
                  <a:lnTo>
                    <a:pt x="147" y="4"/>
                  </a:lnTo>
                  <a:lnTo>
                    <a:pt x="147" y="37"/>
                  </a:lnTo>
                  <a:lnTo>
                    <a:pt x="23" y="37"/>
                  </a:lnTo>
                  <a:lnTo>
                    <a:pt x="23" y="6"/>
                  </a:lnTo>
                  <a:close/>
                  <a:moveTo>
                    <a:pt x="23" y="43"/>
                  </a:moveTo>
                  <a:lnTo>
                    <a:pt x="147" y="43"/>
                  </a:lnTo>
                  <a:lnTo>
                    <a:pt x="147" y="46"/>
                  </a:lnTo>
                  <a:lnTo>
                    <a:pt x="23" y="46"/>
                  </a:lnTo>
                  <a:lnTo>
                    <a:pt x="23" y="43"/>
                  </a:lnTo>
                  <a:close/>
                  <a:moveTo>
                    <a:pt x="23" y="50"/>
                  </a:moveTo>
                  <a:lnTo>
                    <a:pt x="147" y="50"/>
                  </a:lnTo>
                  <a:lnTo>
                    <a:pt x="147" y="99"/>
                  </a:lnTo>
                  <a:lnTo>
                    <a:pt x="23" y="99"/>
                  </a:lnTo>
                  <a:lnTo>
                    <a:pt x="23" y="50"/>
                  </a:lnTo>
                  <a:close/>
                  <a:moveTo>
                    <a:pt x="23" y="102"/>
                  </a:moveTo>
                  <a:lnTo>
                    <a:pt x="147" y="102"/>
                  </a:lnTo>
                  <a:lnTo>
                    <a:pt x="147" y="110"/>
                  </a:lnTo>
                  <a:lnTo>
                    <a:pt x="23" y="110"/>
                  </a:lnTo>
                  <a:lnTo>
                    <a:pt x="23" y="102"/>
                  </a:lnTo>
                  <a:close/>
                  <a:moveTo>
                    <a:pt x="23" y="116"/>
                  </a:moveTo>
                  <a:lnTo>
                    <a:pt x="147" y="114"/>
                  </a:lnTo>
                  <a:lnTo>
                    <a:pt x="147" y="120"/>
                  </a:lnTo>
                  <a:lnTo>
                    <a:pt x="145" y="120"/>
                  </a:lnTo>
                  <a:lnTo>
                    <a:pt x="145" y="120"/>
                  </a:lnTo>
                  <a:lnTo>
                    <a:pt x="147" y="126"/>
                  </a:lnTo>
                  <a:lnTo>
                    <a:pt x="23" y="126"/>
                  </a:lnTo>
                  <a:lnTo>
                    <a:pt x="23" y="116"/>
                  </a:lnTo>
                  <a:close/>
                  <a:moveTo>
                    <a:pt x="23" y="129"/>
                  </a:moveTo>
                  <a:lnTo>
                    <a:pt x="149" y="129"/>
                  </a:lnTo>
                  <a:lnTo>
                    <a:pt x="149" y="133"/>
                  </a:lnTo>
                  <a:lnTo>
                    <a:pt x="104" y="236"/>
                  </a:lnTo>
                  <a:lnTo>
                    <a:pt x="23" y="133"/>
                  </a:lnTo>
                  <a:lnTo>
                    <a:pt x="23" y="129"/>
                  </a:lnTo>
                  <a:close/>
                  <a:moveTo>
                    <a:pt x="23" y="141"/>
                  </a:moveTo>
                  <a:lnTo>
                    <a:pt x="100" y="238"/>
                  </a:lnTo>
                  <a:lnTo>
                    <a:pt x="23" y="240"/>
                  </a:lnTo>
                  <a:lnTo>
                    <a:pt x="23" y="141"/>
                  </a:lnTo>
                  <a:close/>
                  <a:moveTo>
                    <a:pt x="23" y="243"/>
                  </a:moveTo>
                  <a:lnTo>
                    <a:pt x="184" y="243"/>
                  </a:lnTo>
                  <a:lnTo>
                    <a:pt x="185" y="247"/>
                  </a:lnTo>
                  <a:lnTo>
                    <a:pt x="122" y="350"/>
                  </a:lnTo>
                  <a:lnTo>
                    <a:pt x="23" y="247"/>
                  </a:lnTo>
                  <a:lnTo>
                    <a:pt x="23" y="243"/>
                  </a:lnTo>
                  <a:close/>
                  <a:moveTo>
                    <a:pt x="23" y="257"/>
                  </a:moveTo>
                  <a:lnTo>
                    <a:pt x="114" y="350"/>
                  </a:lnTo>
                  <a:lnTo>
                    <a:pt x="23" y="350"/>
                  </a:lnTo>
                  <a:lnTo>
                    <a:pt x="23" y="257"/>
                  </a:lnTo>
                  <a:close/>
                  <a:moveTo>
                    <a:pt x="23" y="355"/>
                  </a:moveTo>
                  <a:lnTo>
                    <a:pt x="218" y="355"/>
                  </a:lnTo>
                  <a:lnTo>
                    <a:pt x="220" y="363"/>
                  </a:lnTo>
                  <a:lnTo>
                    <a:pt x="141" y="460"/>
                  </a:lnTo>
                  <a:lnTo>
                    <a:pt x="141" y="460"/>
                  </a:lnTo>
                  <a:lnTo>
                    <a:pt x="23" y="359"/>
                  </a:lnTo>
                  <a:lnTo>
                    <a:pt x="23" y="355"/>
                  </a:lnTo>
                  <a:close/>
                  <a:moveTo>
                    <a:pt x="23" y="369"/>
                  </a:moveTo>
                  <a:lnTo>
                    <a:pt x="131" y="460"/>
                  </a:lnTo>
                  <a:lnTo>
                    <a:pt x="23" y="460"/>
                  </a:lnTo>
                  <a:lnTo>
                    <a:pt x="23" y="369"/>
                  </a:lnTo>
                  <a:close/>
                  <a:moveTo>
                    <a:pt x="23" y="551"/>
                  </a:moveTo>
                  <a:lnTo>
                    <a:pt x="133" y="636"/>
                  </a:lnTo>
                  <a:lnTo>
                    <a:pt x="23" y="636"/>
                  </a:lnTo>
                  <a:lnTo>
                    <a:pt x="23" y="551"/>
                  </a:lnTo>
                  <a:close/>
                  <a:moveTo>
                    <a:pt x="23" y="641"/>
                  </a:moveTo>
                  <a:lnTo>
                    <a:pt x="133" y="641"/>
                  </a:lnTo>
                  <a:lnTo>
                    <a:pt x="116" y="684"/>
                  </a:lnTo>
                  <a:lnTo>
                    <a:pt x="58" y="684"/>
                  </a:lnTo>
                  <a:lnTo>
                    <a:pt x="23" y="643"/>
                  </a:lnTo>
                  <a:lnTo>
                    <a:pt x="23" y="641"/>
                  </a:lnTo>
                  <a:close/>
                  <a:moveTo>
                    <a:pt x="120" y="682"/>
                  </a:moveTo>
                  <a:lnTo>
                    <a:pt x="139" y="638"/>
                  </a:lnTo>
                  <a:lnTo>
                    <a:pt x="141" y="638"/>
                  </a:lnTo>
                  <a:lnTo>
                    <a:pt x="158" y="680"/>
                  </a:lnTo>
                  <a:lnTo>
                    <a:pt x="120" y="682"/>
                  </a:lnTo>
                  <a:close/>
                  <a:moveTo>
                    <a:pt x="162" y="688"/>
                  </a:moveTo>
                  <a:lnTo>
                    <a:pt x="164" y="692"/>
                  </a:lnTo>
                  <a:lnTo>
                    <a:pt x="116" y="692"/>
                  </a:lnTo>
                  <a:lnTo>
                    <a:pt x="118" y="688"/>
                  </a:lnTo>
                  <a:lnTo>
                    <a:pt x="162" y="688"/>
                  </a:lnTo>
                  <a:close/>
                  <a:moveTo>
                    <a:pt x="66" y="692"/>
                  </a:moveTo>
                  <a:lnTo>
                    <a:pt x="62" y="688"/>
                  </a:lnTo>
                  <a:lnTo>
                    <a:pt x="114" y="688"/>
                  </a:lnTo>
                  <a:lnTo>
                    <a:pt x="112" y="692"/>
                  </a:lnTo>
                  <a:lnTo>
                    <a:pt x="66" y="692"/>
                  </a:lnTo>
                  <a:close/>
                  <a:moveTo>
                    <a:pt x="108" y="697"/>
                  </a:moveTo>
                  <a:lnTo>
                    <a:pt x="97" y="726"/>
                  </a:lnTo>
                  <a:lnTo>
                    <a:pt x="70" y="697"/>
                  </a:lnTo>
                  <a:lnTo>
                    <a:pt x="108" y="697"/>
                  </a:lnTo>
                  <a:close/>
                  <a:moveTo>
                    <a:pt x="23" y="651"/>
                  </a:moveTo>
                  <a:lnTo>
                    <a:pt x="52" y="684"/>
                  </a:lnTo>
                  <a:lnTo>
                    <a:pt x="23" y="684"/>
                  </a:lnTo>
                  <a:lnTo>
                    <a:pt x="23" y="651"/>
                  </a:lnTo>
                  <a:close/>
                  <a:moveTo>
                    <a:pt x="23" y="688"/>
                  </a:moveTo>
                  <a:lnTo>
                    <a:pt x="56" y="688"/>
                  </a:lnTo>
                  <a:lnTo>
                    <a:pt x="60" y="692"/>
                  </a:lnTo>
                  <a:lnTo>
                    <a:pt x="23" y="692"/>
                  </a:lnTo>
                  <a:lnTo>
                    <a:pt x="23" y="688"/>
                  </a:lnTo>
                  <a:close/>
                  <a:moveTo>
                    <a:pt x="23" y="697"/>
                  </a:moveTo>
                  <a:lnTo>
                    <a:pt x="64" y="697"/>
                  </a:lnTo>
                  <a:lnTo>
                    <a:pt x="93" y="730"/>
                  </a:lnTo>
                  <a:lnTo>
                    <a:pt x="23" y="730"/>
                  </a:lnTo>
                  <a:lnTo>
                    <a:pt x="23" y="697"/>
                  </a:lnTo>
                  <a:close/>
                  <a:moveTo>
                    <a:pt x="23" y="734"/>
                  </a:moveTo>
                  <a:lnTo>
                    <a:pt x="91" y="734"/>
                  </a:lnTo>
                  <a:lnTo>
                    <a:pt x="50" y="823"/>
                  </a:lnTo>
                  <a:lnTo>
                    <a:pt x="48" y="823"/>
                  </a:lnTo>
                  <a:lnTo>
                    <a:pt x="23" y="746"/>
                  </a:lnTo>
                  <a:lnTo>
                    <a:pt x="23" y="734"/>
                  </a:lnTo>
                  <a:close/>
                  <a:moveTo>
                    <a:pt x="23" y="761"/>
                  </a:moveTo>
                  <a:lnTo>
                    <a:pt x="44" y="825"/>
                  </a:lnTo>
                  <a:lnTo>
                    <a:pt x="23" y="825"/>
                  </a:lnTo>
                  <a:lnTo>
                    <a:pt x="23" y="761"/>
                  </a:lnTo>
                  <a:close/>
                  <a:moveTo>
                    <a:pt x="23" y="831"/>
                  </a:moveTo>
                  <a:lnTo>
                    <a:pt x="44" y="831"/>
                  </a:lnTo>
                  <a:lnTo>
                    <a:pt x="46" y="836"/>
                  </a:lnTo>
                  <a:lnTo>
                    <a:pt x="25" y="885"/>
                  </a:lnTo>
                  <a:lnTo>
                    <a:pt x="23" y="885"/>
                  </a:lnTo>
                  <a:lnTo>
                    <a:pt x="23" y="831"/>
                  </a:lnTo>
                  <a:close/>
                  <a:moveTo>
                    <a:pt x="247" y="908"/>
                  </a:moveTo>
                  <a:lnTo>
                    <a:pt x="23" y="908"/>
                  </a:lnTo>
                  <a:lnTo>
                    <a:pt x="23" y="894"/>
                  </a:lnTo>
                  <a:lnTo>
                    <a:pt x="191" y="894"/>
                  </a:lnTo>
                  <a:lnTo>
                    <a:pt x="191" y="891"/>
                  </a:lnTo>
                  <a:lnTo>
                    <a:pt x="27" y="891"/>
                  </a:lnTo>
                  <a:lnTo>
                    <a:pt x="29" y="887"/>
                  </a:lnTo>
                  <a:lnTo>
                    <a:pt x="191" y="887"/>
                  </a:lnTo>
                  <a:lnTo>
                    <a:pt x="191" y="881"/>
                  </a:lnTo>
                  <a:lnTo>
                    <a:pt x="31" y="881"/>
                  </a:lnTo>
                  <a:lnTo>
                    <a:pt x="99" y="730"/>
                  </a:lnTo>
                  <a:lnTo>
                    <a:pt x="99" y="730"/>
                  </a:lnTo>
                  <a:lnTo>
                    <a:pt x="99" y="730"/>
                  </a:lnTo>
                  <a:lnTo>
                    <a:pt x="114" y="697"/>
                  </a:lnTo>
                  <a:lnTo>
                    <a:pt x="164" y="697"/>
                  </a:lnTo>
                  <a:lnTo>
                    <a:pt x="247" y="879"/>
                  </a:lnTo>
                  <a:lnTo>
                    <a:pt x="247" y="908"/>
                  </a:lnTo>
                  <a:close/>
                  <a:moveTo>
                    <a:pt x="247" y="869"/>
                  </a:moveTo>
                  <a:lnTo>
                    <a:pt x="232" y="831"/>
                  </a:lnTo>
                  <a:lnTo>
                    <a:pt x="234" y="833"/>
                  </a:lnTo>
                  <a:lnTo>
                    <a:pt x="234" y="831"/>
                  </a:lnTo>
                  <a:lnTo>
                    <a:pt x="247" y="831"/>
                  </a:lnTo>
                  <a:lnTo>
                    <a:pt x="247" y="869"/>
                  </a:lnTo>
                  <a:close/>
                  <a:moveTo>
                    <a:pt x="247" y="825"/>
                  </a:moveTo>
                  <a:lnTo>
                    <a:pt x="234" y="825"/>
                  </a:lnTo>
                  <a:lnTo>
                    <a:pt x="247" y="777"/>
                  </a:lnTo>
                  <a:lnTo>
                    <a:pt x="247" y="825"/>
                  </a:lnTo>
                  <a:close/>
                  <a:moveTo>
                    <a:pt x="247" y="759"/>
                  </a:moveTo>
                  <a:lnTo>
                    <a:pt x="230" y="823"/>
                  </a:lnTo>
                  <a:lnTo>
                    <a:pt x="230" y="823"/>
                  </a:lnTo>
                  <a:lnTo>
                    <a:pt x="187" y="734"/>
                  </a:lnTo>
                  <a:lnTo>
                    <a:pt x="247" y="734"/>
                  </a:lnTo>
                  <a:lnTo>
                    <a:pt x="247" y="759"/>
                  </a:lnTo>
                  <a:close/>
                  <a:moveTo>
                    <a:pt x="247" y="730"/>
                  </a:moveTo>
                  <a:lnTo>
                    <a:pt x="185" y="730"/>
                  </a:lnTo>
                  <a:lnTo>
                    <a:pt x="185" y="734"/>
                  </a:lnTo>
                  <a:lnTo>
                    <a:pt x="184" y="730"/>
                  </a:lnTo>
                  <a:lnTo>
                    <a:pt x="247" y="659"/>
                  </a:lnTo>
                  <a:lnTo>
                    <a:pt x="247" y="730"/>
                  </a:lnTo>
                  <a:close/>
                  <a:moveTo>
                    <a:pt x="247" y="651"/>
                  </a:moveTo>
                  <a:lnTo>
                    <a:pt x="184" y="726"/>
                  </a:lnTo>
                  <a:lnTo>
                    <a:pt x="170" y="697"/>
                  </a:lnTo>
                  <a:lnTo>
                    <a:pt x="191" y="697"/>
                  </a:lnTo>
                  <a:lnTo>
                    <a:pt x="191" y="692"/>
                  </a:lnTo>
                  <a:lnTo>
                    <a:pt x="168" y="692"/>
                  </a:lnTo>
                  <a:lnTo>
                    <a:pt x="166" y="688"/>
                  </a:lnTo>
                  <a:lnTo>
                    <a:pt x="191" y="688"/>
                  </a:lnTo>
                  <a:lnTo>
                    <a:pt x="191" y="682"/>
                  </a:lnTo>
                  <a:lnTo>
                    <a:pt x="164" y="682"/>
                  </a:lnTo>
                  <a:lnTo>
                    <a:pt x="145" y="641"/>
                  </a:lnTo>
                  <a:lnTo>
                    <a:pt x="247" y="641"/>
                  </a:lnTo>
                  <a:lnTo>
                    <a:pt x="247" y="651"/>
                  </a:lnTo>
                  <a:close/>
                  <a:moveTo>
                    <a:pt x="247" y="636"/>
                  </a:moveTo>
                  <a:lnTo>
                    <a:pt x="149" y="636"/>
                  </a:lnTo>
                  <a:lnTo>
                    <a:pt x="247" y="558"/>
                  </a:lnTo>
                  <a:lnTo>
                    <a:pt x="247" y="636"/>
                  </a:lnTo>
                  <a:close/>
                  <a:moveTo>
                    <a:pt x="247" y="553"/>
                  </a:moveTo>
                  <a:lnTo>
                    <a:pt x="143" y="636"/>
                  </a:lnTo>
                  <a:lnTo>
                    <a:pt x="143" y="636"/>
                  </a:lnTo>
                  <a:lnTo>
                    <a:pt x="139" y="636"/>
                  </a:lnTo>
                  <a:lnTo>
                    <a:pt x="23" y="545"/>
                  </a:lnTo>
                  <a:lnTo>
                    <a:pt x="23" y="545"/>
                  </a:lnTo>
                  <a:lnTo>
                    <a:pt x="247" y="545"/>
                  </a:lnTo>
                  <a:lnTo>
                    <a:pt x="247" y="553"/>
                  </a:lnTo>
                  <a:close/>
                  <a:moveTo>
                    <a:pt x="147" y="460"/>
                  </a:moveTo>
                  <a:lnTo>
                    <a:pt x="222" y="367"/>
                  </a:lnTo>
                  <a:lnTo>
                    <a:pt x="251" y="460"/>
                  </a:lnTo>
                  <a:lnTo>
                    <a:pt x="147" y="460"/>
                  </a:lnTo>
                  <a:close/>
                  <a:moveTo>
                    <a:pt x="520" y="802"/>
                  </a:moveTo>
                  <a:lnTo>
                    <a:pt x="524" y="893"/>
                  </a:lnTo>
                  <a:lnTo>
                    <a:pt x="510" y="893"/>
                  </a:lnTo>
                  <a:lnTo>
                    <a:pt x="510" y="846"/>
                  </a:lnTo>
                  <a:lnTo>
                    <a:pt x="506" y="846"/>
                  </a:lnTo>
                  <a:lnTo>
                    <a:pt x="520" y="8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54" name="Freeform 7">
              <a:extLst>
                <a:ext uri="{FF2B5EF4-FFF2-40B4-BE49-F238E27FC236}">
                  <a16:creationId xmlns:a16="http://schemas.microsoft.com/office/drawing/2014/main" id="{8949930A-6EEA-442B-93CB-F6AD1743391D}"/>
                </a:ext>
              </a:extLst>
            </p:cNvPr>
            <p:cNvSpPr>
              <a:spLocks noEditPoints="1"/>
            </p:cNvSpPr>
            <p:nvPr/>
          </p:nvSpPr>
          <p:spPr bwMode="auto">
            <a:xfrm>
              <a:off x="2911" y="1448"/>
              <a:ext cx="1136" cy="232"/>
            </a:xfrm>
            <a:custGeom>
              <a:avLst/>
              <a:gdLst>
                <a:gd name="T0" fmla="*/ 1066 w 1136"/>
                <a:gd name="T1" fmla="*/ 19 h 232"/>
                <a:gd name="T2" fmla="*/ 655 w 1136"/>
                <a:gd name="T3" fmla="*/ 19 h 232"/>
                <a:gd name="T4" fmla="*/ 618 w 1136"/>
                <a:gd name="T5" fmla="*/ 23 h 232"/>
                <a:gd name="T6" fmla="*/ 0 w 1136"/>
                <a:gd name="T7" fmla="*/ 232 h 232"/>
                <a:gd name="T8" fmla="*/ 1136 w 1136"/>
                <a:gd name="T9" fmla="*/ 87 h 232"/>
                <a:gd name="T10" fmla="*/ 1136 w 1136"/>
                <a:gd name="T11" fmla="*/ 79 h 232"/>
                <a:gd name="T12" fmla="*/ 1136 w 1136"/>
                <a:gd name="T13" fmla="*/ 62 h 232"/>
                <a:gd name="T14" fmla="*/ 995 w 1136"/>
                <a:gd name="T15" fmla="*/ 16 h 232"/>
                <a:gd name="T16" fmla="*/ 951 w 1136"/>
                <a:gd name="T17" fmla="*/ 73 h 232"/>
                <a:gd name="T18" fmla="*/ 937 w 1136"/>
                <a:gd name="T19" fmla="*/ 54 h 232"/>
                <a:gd name="T20" fmla="*/ 929 w 1136"/>
                <a:gd name="T21" fmla="*/ 62 h 232"/>
                <a:gd name="T22" fmla="*/ 931 w 1136"/>
                <a:gd name="T23" fmla="*/ 73 h 232"/>
                <a:gd name="T24" fmla="*/ 931 w 1136"/>
                <a:gd name="T25" fmla="*/ 73 h 232"/>
                <a:gd name="T26" fmla="*/ 920 w 1136"/>
                <a:gd name="T27" fmla="*/ 58 h 232"/>
                <a:gd name="T28" fmla="*/ 742 w 1136"/>
                <a:gd name="T29" fmla="*/ 83 h 232"/>
                <a:gd name="T30" fmla="*/ 755 w 1136"/>
                <a:gd name="T31" fmla="*/ 62 h 232"/>
                <a:gd name="T32" fmla="*/ 833 w 1136"/>
                <a:gd name="T33" fmla="*/ 75 h 232"/>
                <a:gd name="T34" fmla="*/ 833 w 1136"/>
                <a:gd name="T35" fmla="*/ 75 h 232"/>
                <a:gd name="T36" fmla="*/ 790 w 1136"/>
                <a:gd name="T37" fmla="*/ 19 h 232"/>
                <a:gd name="T38" fmla="*/ 788 w 1136"/>
                <a:gd name="T39" fmla="*/ 23 h 232"/>
                <a:gd name="T40" fmla="*/ 638 w 1136"/>
                <a:gd name="T41" fmla="*/ 83 h 232"/>
                <a:gd name="T42" fmla="*/ 721 w 1136"/>
                <a:gd name="T43" fmla="*/ 62 h 232"/>
                <a:gd name="T44" fmla="*/ 730 w 1136"/>
                <a:gd name="T45" fmla="*/ 19 h 232"/>
                <a:gd name="T46" fmla="*/ 730 w 1136"/>
                <a:gd name="T47" fmla="*/ 19 h 232"/>
                <a:gd name="T48" fmla="*/ 684 w 1136"/>
                <a:gd name="T49" fmla="*/ 23 h 232"/>
                <a:gd name="T50" fmla="*/ 643 w 1136"/>
                <a:gd name="T51" fmla="*/ 75 h 232"/>
                <a:gd name="T52" fmla="*/ 636 w 1136"/>
                <a:gd name="T53" fmla="*/ 75 h 232"/>
                <a:gd name="T54" fmla="*/ 634 w 1136"/>
                <a:gd name="T55" fmla="*/ 79 h 232"/>
                <a:gd name="T56" fmla="*/ 620 w 1136"/>
                <a:gd name="T57" fmla="*/ 83 h 232"/>
                <a:gd name="T58" fmla="*/ 618 w 1136"/>
                <a:gd name="T59" fmla="*/ 135 h 232"/>
                <a:gd name="T60" fmla="*/ 618 w 1136"/>
                <a:gd name="T61" fmla="*/ 220 h 232"/>
                <a:gd name="T62" fmla="*/ 636 w 1136"/>
                <a:gd name="T63" fmla="*/ 89 h 232"/>
                <a:gd name="T64" fmla="*/ 740 w 1136"/>
                <a:gd name="T65" fmla="*/ 58 h 232"/>
                <a:gd name="T66" fmla="*/ 740 w 1136"/>
                <a:gd name="T67" fmla="*/ 75 h 232"/>
                <a:gd name="T68" fmla="*/ 835 w 1136"/>
                <a:gd name="T69" fmla="*/ 89 h 232"/>
                <a:gd name="T70" fmla="*/ 742 w 1136"/>
                <a:gd name="T71" fmla="*/ 170 h 232"/>
                <a:gd name="T72" fmla="*/ 742 w 1136"/>
                <a:gd name="T73" fmla="*/ 170 h 232"/>
                <a:gd name="T74" fmla="*/ 842 w 1136"/>
                <a:gd name="T75" fmla="*/ 58 h 232"/>
                <a:gd name="T76" fmla="*/ 842 w 1136"/>
                <a:gd name="T77" fmla="*/ 75 h 232"/>
                <a:gd name="T78" fmla="*/ 842 w 1136"/>
                <a:gd name="T79" fmla="*/ 89 h 232"/>
                <a:gd name="T80" fmla="*/ 842 w 1136"/>
                <a:gd name="T81" fmla="*/ 128 h 232"/>
                <a:gd name="T82" fmla="*/ 935 w 1136"/>
                <a:gd name="T83" fmla="*/ 79 h 232"/>
                <a:gd name="T84" fmla="*/ 947 w 1136"/>
                <a:gd name="T85" fmla="*/ 58 h 232"/>
                <a:gd name="T86" fmla="*/ 947 w 1136"/>
                <a:gd name="T87" fmla="*/ 73 h 232"/>
                <a:gd name="T88" fmla="*/ 947 w 1136"/>
                <a:gd name="T89" fmla="*/ 83 h 232"/>
                <a:gd name="T90" fmla="*/ 947 w 1136"/>
                <a:gd name="T91" fmla="*/ 79 h 232"/>
                <a:gd name="T92" fmla="*/ 1008 w 1136"/>
                <a:gd name="T93" fmla="*/ 83 h 232"/>
                <a:gd name="T94" fmla="*/ 1016 w 1136"/>
                <a:gd name="T95" fmla="*/ 73 h 232"/>
                <a:gd name="T96" fmla="*/ 1016 w 1136"/>
                <a:gd name="T97" fmla="*/ 73 h 232"/>
                <a:gd name="T98" fmla="*/ 1030 w 1136"/>
                <a:gd name="T99" fmla="*/ 58 h 2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136" h="232">
                  <a:moveTo>
                    <a:pt x="1136" y="62"/>
                  </a:moveTo>
                  <a:lnTo>
                    <a:pt x="1136" y="58"/>
                  </a:lnTo>
                  <a:lnTo>
                    <a:pt x="1037" y="58"/>
                  </a:lnTo>
                  <a:lnTo>
                    <a:pt x="1066" y="19"/>
                  </a:lnTo>
                  <a:lnTo>
                    <a:pt x="1099" y="19"/>
                  </a:lnTo>
                  <a:lnTo>
                    <a:pt x="1132" y="0"/>
                  </a:lnTo>
                  <a:lnTo>
                    <a:pt x="622" y="2"/>
                  </a:lnTo>
                  <a:lnTo>
                    <a:pt x="655" y="19"/>
                  </a:lnTo>
                  <a:lnTo>
                    <a:pt x="680" y="19"/>
                  </a:lnTo>
                  <a:lnTo>
                    <a:pt x="649" y="58"/>
                  </a:lnTo>
                  <a:lnTo>
                    <a:pt x="618" y="58"/>
                  </a:lnTo>
                  <a:lnTo>
                    <a:pt x="618" y="23"/>
                  </a:lnTo>
                  <a:lnTo>
                    <a:pt x="124" y="23"/>
                  </a:lnTo>
                  <a:lnTo>
                    <a:pt x="124" y="131"/>
                  </a:lnTo>
                  <a:lnTo>
                    <a:pt x="0" y="131"/>
                  </a:lnTo>
                  <a:lnTo>
                    <a:pt x="0" y="232"/>
                  </a:lnTo>
                  <a:lnTo>
                    <a:pt x="618" y="232"/>
                  </a:lnTo>
                  <a:lnTo>
                    <a:pt x="618" y="226"/>
                  </a:lnTo>
                  <a:lnTo>
                    <a:pt x="947" y="89"/>
                  </a:lnTo>
                  <a:lnTo>
                    <a:pt x="1136" y="87"/>
                  </a:lnTo>
                  <a:lnTo>
                    <a:pt x="1136" y="83"/>
                  </a:lnTo>
                  <a:lnTo>
                    <a:pt x="1018" y="83"/>
                  </a:lnTo>
                  <a:lnTo>
                    <a:pt x="1022" y="79"/>
                  </a:lnTo>
                  <a:lnTo>
                    <a:pt x="1136" y="79"/>
                  </a:lnTo>
                  <a:lnTo>
                    <a:pt x="1136" y="73"/>
                  </a:lnTo>
                  <a:lnTo>
                    <a:pt x="1024" y="73"/>
                  </a:lnTo>
                  <a:lnTo>
                    <a:pt x="1034" y="62"/>
                  </a:lnTo>
                  <a:lnTo>
                    <a:pt x="1136" y="62"/>
                  </a:lnTo>
                  <a:close/>
                  <a:moveTo>
                    <a:pt x="999" y="16"/>
                  </a:moveTo>
                  <a:lnTo>
                    <a:pt x="999" y="56"/>
                  </a:lnTo>
                  <a:lnTo>
                    <a:pt x="964" y="54"/>
                  </a:lnTo>
                  <a:lnTo>
                    <a:pt x="995" y="16"/>
                  </a:lnTo>
                  <a:lnTo>
                    <a:pt x="999" y="16"/>
                  </a:lnTo>
                  <a:close/>
                  <a:moveTo>
                    <a:pt x="997" y="62"/>
                  </a:moveTo>
                  <a:lnTo>
                    <a:pt x="997" y="73"/>
                  </a:lnTo>
                  <a:lnTo>
                    <a:pt x="951" y="73"/>
                  </a:lnTo>
                  <a:lnTo>
                    <a:pt x="958" y="62"/>
                  </a:lnTo>
                  <a:lnTo>
                    <a:pt x="997" y="62"/>
                  </a:lnTo>
                  <a:close/>
                  <a:moveTo>
                    <a:pt x="937" y="17"/>
                  </a:moveTo>
                  <a:lnTo>
                    <a:pt x="937" y="54"/>
                  </a:lnTo>
                  <a:lnTo>
                    <a:pt x="925" y="54"/>
                  </a:lnTo>
                  <a:lnTo>
                    <a:pt x="896" y="17"/>
                  </a:lnTo>
                  <a:lnTo>
                    <a:pt x="937" y="17"/>
                  </a:lnTo>
                  <a:close/>
                  <a:moveTo>
                    <a:pt x="929" y="62"/>
                  </a:moveTo>
                  <a:lnTo>
                    <a:pt x="937" y="62"/>
                  </a:lnTo>
                  <a:lnTo>
                    <a:pt x="937" y="73"/>
                  </a:lnTo>
                  <a:lnTo>
                    <a:pt x="929" y="62"/>
                  </a:lnTo>
                  <a:close/>
                  <a:moveTo>
                    <a:pt x="931" y="73"/>
                  </a:moveTo>
                  <a:lnTo>
                    <a:pt x="852" y="75"/>
                  </a:lnTo>
                  <a:lnTo>
                    <a:pt x="862" y="62"/>
                  </a:lnTo>
                  <a:lnTo>
                    <a:pt x="923" y="62"/>
                  </a:lnTo>
                  <a:lnTo>
                    <a:pt x="931" y="73"/>
                  </a:lnTo>
                  <a:close/>
                  <a:moveTo>
                    <a:pt x="920" y="58"/>
                  </a:moveTo>
                  <a:lnTo>
                    <a:pt x="866" y="58"/>
                  </a:lnTo>
                  <a:lnTo>
                    <a:pt x="893" y="23"/>
                  </a:lnTo>
                  <a:lnTo>
                    <a:pt x="920" y="58"/>
                  </a:lnTo>
                  <a:close/>
                  <a:moveTo>
                    <a:pt x="835" y="79"/>
                  </a:moveTo>
                  <a:lnTo>
                    <a:pt x="835" y="83"/>
                  </a:lnTo>
                  <a:lnTo>
                    <a:pt x="742" y="83"/>
                  </a:lnTo>
                  <a:lnTo>
                    <a:pt x="742" y="83"/>
                  </a:lnTo>
                  <a:lnTo>
                    <a:pt x="746" y="79"/>
                  </a:lnTo>
                  <a:lnTo>
                    <a:pt x="835" y="79"/>
                  </a:lnTo>
                  <a:close/>
                  <a:moveTo>
                    <a:pt x="748" y="75"/>
                  </a:moveTo>
                  <a:lnTo>
                    <a:pt x="755" y="62"/>
                  </a:lnTo>
                  <a:lnTo>
                    <a:pt x="817" y="62"/>
                  </a:lnTo>
                  <a:lnTo>
                    <a:pt x="827" y="75"/>
                  </a:lnTo>
                  <a:lnTo>
                    <a:pt x="748" y="75"/>
                  </a:lnTo>
                  <a:close/>
                  <a:moveTo>
                    <a:pt x="833" y="75"/>
                  </a:moveTo>
                  <a:lnTo>
                    <a:pt x="823" y="62"/>
                  </a:lnTo>
                  <a:lnTo>
                    <a:pt x="833" y="62"/>
                  </a:lnTo>
                  <a:lnTo>
                    <a:pt x="833" y="75"/>
                  </a:lnTo>
                  <a:lnTo>
                    <a:pt x="833" y="75"/>
                  </a:lnTo>
                  <a:close/>
                  <a:moveTo>
                    <a:pt x="833" y="19"/>
                  </a:moveTo>
                  <a:lnTo>
                    <a:pt x="833" y="58"/>
                  </a:lnTo>
                  <a:lnTo>
                    <a:pt x="819" y="58"/>
                  </a:lnTo>
                  <a:lnTo>
                    <a:pt x="790" y="19"/>
                  </a:lnTo>
                  <a:lnTo>
                    <a:pt x="833" y="19"/>
                  </a:lnTo>
                  <a:close/>
                  <a:moveTo>
                    <a:pt x="813" y="58"/>
                  </a:moveTo>
                  <a:lnTo>
                    <a:pt x="759" y="58"/>
                  </a:lnTo>
                  <a:lnTo>
                    <a:pt x="788" y="23"/>
                  </a:lnTo>
                  <a:lnTo>
                    <a:pt x="813" y="58"/>
                  </a:lnTo>
                  <a:close/>
                  <a:moveTo>
                    <a:pt x="734" y="79"/>
                  </a:moveTo>
                  <a:lnTo>
                    <a:pt x="734" y="83"/>
                  </a:lnTo>
                  <a:lnTo>
                    <a:pt x="638" y="83"/>
                  </a:lnTo>
                  <a:lnTo>
                    <a:pt x="643" y="79"/>
                  </a:lnTo>
                  <a:lnTo>
                    <a:pt x="734" y="79"/>
                  </a:lnTo>
                  <a:close/>
                  <a:moveTo>
                    <a:pt x="728" y="75"/>
                  </a:moveTo>
                  <a:lnTo>
                    <a:pt x="721" y="62"/>
                  </a:lnTo>
                  <a:lnTo>
                    <a:pt x="730" y="62"/>
                  </a:lnTo>
                  <a:lnTo>
                    <a:pt x="730" y="75"/>
                  </a:lnTo>
                  <a:lnTo>
                    <a:pt x="728" y="75"/>
                  </a:lnTo>
                  <a:close/>
                  <a:moveTo>
                    <a:pt x="730" y="19"/>
                  </a:moveTo>
                  <a:lnTo>
                    <a:pt x="730" y="58"/>
                  </a:lnTo>
                  <a:lnTo>
                    <a:pt x="717" y="58"/>
                  </a:lnTo>
                  <a:lnTo>
                    <a:pt x="688" y="19"/>
                  </a:lnTo>
                  <a:lnTo>
                    <a:pt x="730" y="19"/>
                  </a:lnTo>
                  <a:close/>
                  <a:moveTo>
                    <a:pt x="684" y="23"/>
                  </a:moveTo>
                  <a:lnTo>
                    <a:pt x="711" y="58"/>
                  </a:lnTo>
                  <a:lnTo>
                    <a:pt x="657" y="58"/>
                  </a:lnTo>
                  <a:lnTo>
                    <a:pt x="684" y="23"/>
                  </a:lnTo>
                  <a:close/>
                  <a:moveTo>
                    <a:pt x="653" y="62"/>
                  </a:moveTo>
                  <a:lnTo>
                    <a:pt x="715" y="62"/>
                  </a:lnTo>
                  <a:lnTo>
                    <a:pt x="723" y="75"/>
                  </a:lnTo>
                  <a:lnTo>
                    <a:pt x="643" y="75"/>
                  </a:lnTo>
                  <a:lnTo>
                    <a:pt x="653" y="62"/>
                  </a:lnTo>
                  <a:close/>
                  <a:moveTo>
                    <a:pt x="618" y="62"/>
                  </a:moveTo>
                  <a:lnTo>
                    <a:pt x="645" y="62"/>
                  </a:lnTo>
                  <a:lnTo>
                    <a:pt x="636" y="75"/>
                  </a:lnTo>
                  <a:lnTo>
                    <a:pt x="618" y="75"/>
                  </a:lnTo>
                  <a:lnTo>
                    <a:pt x="618" y="62"/>
                  </a:lnTo>
                  <a:close/>
                  <a:moveTo>
                    <a:pt x="620" y="79"/>
                  </a:moveTo>
                  <a:lnTo>
                    <a:pt x="634" y="79"/>
                  </a:lnTo>
                  <a:lnTo>
                    <a:pt x="630" y="83"/>
                  </a:lnTo>
                  <a:lnTo>
                    <a:pt x="630" y="83"/>
                  </a:lnTo>
                  <a:lnTo>
                    <a:pt x="630" y="83"/>
                  </a:lnTo>
                  <a:lnTo>
                    <a:pt x="620" y="83"/>
                  </a:lnTo>
                  <a:lnTo>
                    <a:pt x="620" y="79"/>
                  </a:lnTo>
                  <a:close/>
                  <a:moveTo>
                    <a:pt x="618" y="220"/>
                  </a:moveTo>
                  <a:lnTo>
                    <a:pt x="618" y="184"/>
                  </a:lnTo>
                  <a:lnTo>
                    <a:pt x="618" y="135"/>
                  </a:lnTo>
                  <a:lnTo>
                    <a:pt x="618" y="89"/>
                  </a:lnTo>
                  <a:lnTo>
                    <a:pt x="628" y="89"/>
                  </a:lnTo>
                  <a:lnTo>
                    <a:pt x="726" y="176"/>
                  </a:lnTo>
                  <a:lnTo>
                    <a:pt x="618" y="220"/>
                  </a:lnTo>
                  <a:close/>
                  <a:moveTo>
                    <a:pt x="636" y="89"/>
                  </a:moveTo>
                  <a:lnTo>
                    <a:pt x="730" y="89"/>
                  </a:lnTo>
                  <a:lnTo>
                    <a:pt x="730" y="172"/>
                  </a:lnTo>
                  <a:lnTo>
                    <a:pt x="636" y="89"/>
                  </a:lnTo>
                  <a:close/>
                  <a:moveTo>
                    <a:pt x="740" y="19"/>
                  </a:moveTo>
                  <a:lnTo>
                    <a:pt x="784" y="19"/>
                  </a:lnTo>
                  <a:lnTo>
                    <a:pt x="753" y="58"/>
                  </a:lnTo>
                  <a:lnTo>
                    <a:pt x="740" y="58"/>
                  </a:lnTo>
                  <a:lnTo>
                    <a:pt x="740" y="19"/>
                  </a:lnTo>
                  <a:close/>
                  <a:moveTo>
                    <a:pt x="740" y="62"/>
                  </a:moveTo>
                  <a:lnTo>
                    <a:pt x="750" y="62"/>
                  </a:lnTo>
                  <a:lnTo>
                    <a:pt x="740" y="75"/>
                  </a:lnTo>
                  <a:lnTo>
                    <a:pt x="740" y="75"/>
                  </a:lnTo>
                  <a:lnTo>
                    <a:pt x="740" y="62"/>
                  </a:lnTo>
                  <a:close/>
                  <a:moveTo>
                    <a:pt x="742" y="89"/>
                  </a:moveTo>
                  <a:lnTo>
                    <a:pt x="835" y="89"/>
                  </a:lnTo>
                  <a:lnTo>
                    <a:pt x="835" y="91"/>
                  </a:lnTo>
                  <a:lnTo>
                    <a:pt x="742" y="164"/>
                  </a:lnTo>
                  <a:lnTo>
                    <a:pt x="742" y="89"/>
                  </a:lnTo>
                  <a:close/>
                  <a:moveTo>
                    <a:pt x="742" y="170"/>
                  </a:moveTo>
                  <a:lnTo>
                    <a:pt x="833" y="99"/>
                  </a:lnTo>
                  <a:lnTo>
                    <a:pt x="833" y="131"/>
                  </a:lnTo>
                  <a:lnTo>
                    <a:pt x="833" y="131"/>
                  </a:lnTo>
                  <a:lnTo>
                    <a:pt x="742" y="170"/>
                  </a:lnTo>
                  <a:close/>
                  <a:moveTo>
                    <a:pt x="842" y="19"/>
                  </a:moveTo>
                  <a:lnTo>
                    <a:pt x="889" y="19"/>
                  </a:lnTo>
                  <a:lnTo>
                    <a:pt x="860" y="58"/>
                  </a:lnTo>
                  <a:lnTo>
                    <a:pt x="842" y="58"/>
                  </a:lnTo>
                  <a:lnTo>
                    <a:pt x="842" y="19"/>
                  </a:lnTo>
                  <a:close/>
                  <a:moveTo>
                    <a:pt x="856" y="62"/>
                  </a:moveTo>
                  <a:lnTo>
                    <a:pt x="846" y="75"/>
                  </a:lnTo>
                  <a:lnTo>
                    <a:pt x="842" y="75"/>
                  </a:lnTo>
                  <a:lnTo>
                    <a:pt x="842" y="62"/>
                  </a:lnTo>
                  <a:lnTo>
                    <a:pt x="856" y="62"/>
                  </a:lnTo>
                  <a:close/>
                  <a:moveTo>
                    <a:pt x="842" y="128"/>
                  </a:moveTo>
                  <a:lnTo>
                    <a:pt x="842" y="89"/>
                  </a:lnTo>
                  <a:lnTo>
                    <a:pt x="844" y="89"/>
                  </a:lnTo>
                  <a:lnTo>
                    <a:pt x="842" y="89"/>
                  </a:lnTo>
                  <a:lnTo>
                    <a:pt x="935" y="89"/>
                  </a:lnTo>
                  <a:lnTo>
                    <a:pt x="842" y="128"/>
                  </a:lnTo>
                  <a:close/>
                  <a:moveTo>
                    <a:pt x="935" y="83"/>
                  </a:moveTo>
                  <a:lnTo>
                    <a:pt x="844" y="83"/>
                  </a:lnTo>
                  <a:lnTo>
                    <a:pt x="848" y="79"/>
                  </a:lnTo>
                  <a:lnTo>
                    <a:pt x="935" y="79"/>
                  </a:lnTo>
                  <a:lnTo>
                    <a:pt x="935" y="83"/>
                  </a:lnTo>
                  <a:close/>
                  <a:moveTo>
                    <a:pt x="989" y="19"/>
                  </a:moveTo>
                  <a:lnTo>
                    <a:pt x="958" y="58"/>
                  </a:lnTo>
                  <a:lnTo>
                    <a:pt x="947" y="58"/>
                  </a:lnTo>
                  <a:lnTo>
                    <a:pt x="947" y="19"/>
                  </a:lnTo>
                  <a:lnTo>
                    <a:pt x="989" y="19"/>
                  </a:lnTo>
                  <a:close/>
                  <a:moveTo>
                    <a:pt x="954" y="62"/>
                  </a:moveTo>
                  <a:lnTo>
                    <a:pt x="947" y="73"/>
                  </a:lnTo>
                  <a:lnTo>
                    <a:pt x="947" y="62"/>
                  </a:lnTo>
                  <a:lnTo>
                    <a:pt x="954" y="62"/>
                  </a:lnTo>
                  <a:close/>
                  <a:moveTo>
                    <a:pt x="997" y="83"/>
                  </a:moveTo>
                  <a:lnTo>
                    <a:pt x="947" y="83"/>
                  </a:lnTo>
                  <a:lnTo>
                    <a:pt x="947" y="83"/>
                  </a:lnTo>
                  <a:lnTo>
                    <a:pt x="947" y="83"/>
                  </a:lnTo>
                  <a:lnTo>
                    <a:pt x="947" y="81"/>
                  </a:lnTo>
                  <a:lnTo>
                    <a:pt x="947" y="79"/>
                  </a:lnTo>
                  <a:lnTo>
                    <a:pt x="997" y="79"/>
                  </a:lnTo>
                  <a:lnTo>
                    <a:pt x="997" y="83"/>
                  </a:lnTo>
                  <a:close/>
                  <a:moveTo>
                    <a:pt x="1010" y="83"/>
                  </a:moveTo>
                  <a:lnTo>
                    <a:pt x="1008" y="83"/>
                  </a:lnTo>
                  <a:lnTo>
                    <a:pt x="1008" y="79"/>
                  </a:lnTo>
                  <a:lnTo>
                    <a:pt x="1012" y="79"/>
                  </a:lnTo>
                  <a:lnTo>
                    <a:pt x="1010" y="83"/>
                  </a:lnTo>
                  <a:close/>
                  <a:moveTo>
                    <a:pt x="1016" y="73"/>
                  </a:moveTo>
                  <a:lnTo>
                    <a:pt x="1008" y="73"/>
                  </a:lnTo>
                  <a:lnTo>
                    <a:pt x="1008" y="62"/>
                  </a:lnTo>
                  <a:lnTo>
                    <a:pt x="1026" y="62"/>
                  </a:lnTo>
                  <a:lnTo>
                    <a:pt x="1016" y="73"/>
                  </a:lnTo>
                  <a:close/>
                  <a:moveTo>
                    <a:pt x="1008" y="58"/>
                  </a:moveTo>
                  <a:lnTo>
                    <a:pt x="1008" y="19"/>
                  </a:lnTo>
                  <a:lnTo>
                    <a:pt x="1061" y="19"/>
                  </a:lnTo>
                  <a:lnTo>
                    <a:pt x="1030" y="58"/>
                  </a:lnTo>
                  <a:lnTo>
                    <a:pt x="1008" y="5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grpSp>
      <p:sp>
        <p:nvSpPr>
          <p:cNvPr id="355" name="Titel 1">
            <a:extLst>
              <a:ext uri="{FF2B5EF4-FFF2-40B4-BE49-F238E27FC236}">
                <a16:creationId xmlns:a16="http://schemas.microsoft.com/office/drawing/2014/main" id="{2628E331-403D-4667-8F94-642C8BD7A040}"/>
              </a:ext>
            </a:extLst>
          </p:cNvPr>
          <p:cNvSpPr txBox="1">
            <a:spLocks/>
          </p:cNvSpPr>
          <p:nvPr/>
        </p:nvSpPr>
        <p:spPr>
          <a:xfrm>
            <a:off x="6970918" y="3827160"/>
            <a:ext cx="655850" cy="323165"/>
          </a:xfrm>
          <a:prstGeom prst="rect">
            <a:avLst/>
          </a:prstGeom>
        </p:spPr>
        <p:txBody>
          <a:bodyPr wrap="square" lIns="0" tIns="0" rIns="0" bIns="0">
            <a:spAutoFit/>
          </a:bodyPr>
          <a:lstStyle/>
          <a:p>
            <a:pPr marL="0" marR="0" lvl="0" indent="0" algn="ctr" defTabSz="457200" rtl="0" eaLnBrk="1" fontAlgn="auto" latinLnBrk="0" hangingPunct="1">
              <a:lnSpc>
                <a:spcPct val="100000"/>
              </a:lnSpc>
              <a:spcBef>
                <a:spcPct val="0"/>
              </a:spcBef>
              <a:spcAft>
                <a:spcPts val="0"/>
              </a:spcAft>
              <a:buClrTx/>
              <a:buSzTx/>
              <a:buFontTx/>
              <a:buNone/>
              <a:tabLst/>
              <a:defRPr/>
            </a:pPr>
            <a:r>
              <a:rPr kumimoji="0" lang="da-DK" sz="700" b="0" i="0" u="none" strike="noStrike" kern="0" cap="none" spc="0" normalizeH="0" baseline="0" noProof="1">
                <a:ln>
                  <a:noFill/>
                </a:ln>
                <a:solidFill>
                  <a:srgbClr val="00243D"/>
                </a:solidFill>
                <a:effectLst/>
                <a:uLnTx/>
                <a:uFillTx/>
                <a:latin typeface="Maersk Text Light" panose="00000400000000000000" pitchFamily="50" charset="0"/>
                <a:ea typeface="+mn-ea"/>
                <a:cs typeface="Zetta Sans Light"/>
              </a:rPr>
              <a:t>Drilling </a:t>
            </a:r>
          </a:p>
          <a:p>
            <a:pPr marL="0" marR="0" lvl="0" indent="0" algn="ctr" defTabSz="457200" rtl="0" eaLnBrk="1" fontAlgn="auto" latinLnBrk="0" hangingPunct="1">
              <a:lnSpc>
                <a:spcPct val="100000"/>
              </a:lnSpc>
              <a:spcBef>
                <a:spcPct val="0"/>
              </a:spcBef>
              <a:spcAft>
                <a:spcPts val="0"/>
              </a:spcAft>
              <a:buClrTx/>
              <a:buSzTx/>
              <a:buFontTx/>
              <a:buNone/>
              <a:tabLst/>
              <a:defRPr/>
            </a:pPr>
            <a:r>
              <a:rPr kumimoji="0" lang="da-DK" sz="700" b="0" i="0" u="none" strike="noStrike" kern="0" cap="none" spc="0" normalizeH="0" baseline="0" noProof="1">
                <a:ln>
                  <a:noFill/>
                </a:ln>
                <a:solidFill>
                  <a:srgbClr val="00243D"/>
                </a:solidFill>
                <a:effectLst/>
                <a:uLnTx/>
                <a:uFillTx/>
                <a:latin typeface="Maersk Text Light" panose="00000400000000000000" pitchFamily="50" charset="0"/>
                <a:ea typeface="+mn-ea"/>
                <a:cs typeface="Zetta Sans Light"/>
              </a:rPr>
              <a:t>facilities &amp; services</a:t>
            </a:r>
          </a:p>
        </p:txBody>
      </p:sp>
      <p:sp>
        <p:nvSpPr>
          <p:cNvPr id="356" name="Titel 1">
            <a:extLst>
              <a:ext uri="{FF2B5EF4-FFF2-40B4-BE49-F238E27FC236}">
                <a16:creationId xmlns:a16="http://schemas.microsoft.com/office/drawing/2014/main" id="{6EE682C4-2C43-47D4-BA8F-821672F462EF}"/>
              </a:ext>
            </a:extLst>
          </p:cNvPr>
          <p:cNvSpPr txBox="1">
            <a:spLocks/>
          </p:cNvSpPr>
          <p:nvPr/>
        </p:nvSpPr>
        <p:spPr>
          <a:xfrm>
            <a:off x="7553246" y="4817340"/>
            <a:ext cx="654650" cy="323165"/>
          </a:xfrm>
          <a:prstGeom prst="rect">
            <a:avLst/>
          </a:prstGeom>
        </p:spPr>
        <p:txBody>
          <a:bodyPr wrap="square" lIns="0" tIns="0" rIns="0" bIns="0">
            <a:spAutoFit/>
          </a:bodyPr>
          <a:lstStyle/>
          <a:p>
            <a:pPr marL="0" marR="0" lvl="0" indent="0" algn="ctr" defTabSz="457200" rtl="0" eaLnBrk="1" fontAlgn="auto" latinLnBrk="0" hangingPunct="1">
              <a:lnSpc>
                <a:spcPct val="100000"/>
              </a:lnSpc>
              <a:spcBef>
                <a:spcPct val="0"/>
              </a:spcBef>
              <a:spcAft>
                <a:spcPts val="0"/>
              </a:spcAft>
              <a:buClrTx/>
              <a:buSzTx/>
              <a:buFontTx/>
              <a:buNone/>
              <a:tabLst/>
              <a:defRPr/>
            </a:pPr>
            <a:r>
              <a:rPr kumimoji="0" lang="da-DK" sz="700" b="0" i="0" u="none" strike="noStrike" kern="0" cap="none" spc="0" normalizeH="0" baseline="0" noProof="1">
                <a:ln>
                  <a:noFill/>
                </a:ln>
                <a:solidFill>
                  <a:srgbClr val="00243D"/>
                </a:solidFill>
                <a:effectLst/>
                <a:uLnTx/>
                <a:uFillTx/>
                <a:latin typeface="Maersk Text Light" panose="00000400000000000000" pitchFamily="50" charset="0"/>
                <a:ea typeface="+mn-ea"/>
                <a:cs typeface="Zetta Sans Light"/>
              </a:rPr>
              <a:t>Offshore support vessels &amp; services</a:t>
            </a:r>
          </a:p>
        </p:txBody>
      </p:sp>
      <p:sp>
        <p:nvSpPr>
          <p:cNvPr id="357" name="Titel 1">
            <a:extLst>
              <a:ext uri="{FF2B5EF4-FFF2-40B4-BE49-F238E27FC236}">
                <a16:creationId xmlns:a16="http://schemas.microsoft.com/office/drawing/2014/main" id="{E79DF682-D43E-481B-98CC-CF7D7C30BE95}"/>
              </a:ext>
            </a:extLst>
          </p:cNvPr>
          <p:cNvSpPr txBox="1">
            <a:spLocks/>
          </p:cNvSpPr>
          <p:nvPr/>
        </p:nvSpPr>
        <p:spPr>
          <a:xfrm>
            <a:off x="10793496" y="2889905"/>
            <a:ext cx="539589" cy="215444"/>
          </a:xfrm>
          <a:prstGeom prst="rect">
            <a:avLst/>
          </a:prstGeom>
        </p:spPr>
        <p:txBody>
          <a:bodyPr wrap="square" lIns="0" tIns="0" rIns="0" bIns="0">
            <a:spAutoFit/>
          </a:bodyPr>
          <a:lstStyle/>
          <a:p>
            <a:pPr marL="0" marR="0" lvl="0" indent="0" algn="ctr" defTabSz="457200" rtl="0" eaLnBrk="1" fontAlgn="auto" latinLnBrk="0" hangingPunct="1">
              <a:lnSpc>
                <a:spcPct val="100000"/>
              </a:lnSpc>
              <a:spcBef>
                <a:spcPct val="0"/>
              </a:spcBef>
              <a:spcAft>
                <a:spcPts val="0"/>
              </a:spcAft>
              <a:buClrTx/>
              <a:buSzTx/>
              <a:buFontTx/>
              <a:buNone/>
              <a:tabLst/>
              <a:defRPr/>
            </a:pPr>
            <a:r>
              <a:rPr kumimoji="0" lang="da-DK" sz="700" b="0" i="0" u="none" strike="noStrike" kern="0" cap="none" spc="0" normalizeH="0" baseline="0" noProof="1">
                <a:ln>
                  <a:noFill/>
                </a:ln>
                <a:solidFill>
                  <a:srgbClr val="545454"/>
                </a:solidFill>
                <a:effectLst/>
                <a:uLnTx/>
                <a:uFillTx/>
                <a:latin typeface="Maersk Text Light" panose="00000400000000000000" pitchFamily="50" charset="0"/>
                <a:ea typeface="+mn-ea"/>
                <a:cs typeface="Zetta Sans Light"/>
              </a:rPr>
              <a:t>ROV &amp; diving operations</a:t>
            </a:r>
          </a:p>
        </p:txBody>
      </p:sp>
      <p:sp>
        <p:nvSpPr>
          <p:cNvPr id="358" name="Titel 1">
            <a:extLst>
              <a:ext uri="{FF2B5EF4-FFF2-40B4-BE49-F238E27FC236}">
                <a16:creationId xmlns:a16="http://schemas.microsoft.com/office/drawing/2014/main" id="{7A04BCF9-2A84-4E5B-AA77-7ED61D76FB67}"/>
              </a:ext>
            </a:extLst>
          </p:cNvPr>
          <p:cNvSpPr txBox="1">
            <a:spLocks/>
          </p:cNvSpPr>
          <p:nvPr/>
        </p:nvSpPr>
        <p:spPr>
          <a:xfrm>
            <a:off x="9696073" y="1698082"/>
            <a:ext cx="539589" cy="215444"/>
          </a:xfrm>
          <a:prstGeom prst="rect">
            <a:avLst/>
          </a:prstGeom>
        </p:spPr>
        <p:txBody>
          <a:bodyPr wrap="square" lIns="0" tIns="0" rIns="0" bIns="0">
            <a:spAutoFit/>
          </a:bodyPr>
          <a:lstStyle/>
          <a:p>
            <a:pPr marL="0" marR="0" lvl="0" indent="0" algn="ctr" defTabSz="457200" rtl="0" eaLnBrk="1" fontAlgn="auto" latinLnBrk="0" hangingPunct="1">
              <a:lnSpc>
                <a:spcPct val="100000"/>
              </a:lnSpc>
              <a:spcBef>
                <a:spcPct val="0"/>
              </a:spcBef>
              <a:spcAft>
                <a:spcPts val="0"/>
              </a:spcAft>
              <a:buClrTx/>
              <a:buSzTx/>
              <a:buFontTx/>
              <a:buNone/>
              <a:tabLst/>
              <a:defRPr/>
            </a:pPr>
            <a:r>
              <a:rPr kumimoji="0" lang="da-DK" sz="700" b="0" i="0" u="none" strike="noStrike" kern="0" cap="none" spc="0" normalizeH="0" baseline="0" noProof="1">
                <a:ln>
                  <a:noFill/>
                </a:ln>
                <a:solidFill>
                  <a:srgbClr val="545454"/>
                </a:solidFill>
                <a:effectLst/>
                <a:uLnTx/>
                <a:uFillTx/>
                <a:latin typeface="Maersk Text Light" panose="00000400000000000000" pitchFamily="50" charset="0"/>
                <a:ea typeface="+mn-ea"/>
                <a:cs typeface="Zetta Sans Light"/>
              </a:rPr>
              <a:t>Baseline survey</a:t>
            </a:r>
          </a:p>
        </p:txBody>
      </p:sp>
      <p:grpSp>
        <p:nvGrpSpPr>
          <p:cNvPr id="359" name="Group 4">
            <a:extLst>
              <a:ext uri="{FF2B5EF4-FFF2-40B4-BE49-F238E27FC236}">
                <a16:creationId xmlns:a16="http://schemas.microsoft.com/office/drawing/2014/main" id="{86307273-7663-4B6B-B86B-FB123E25467A}"/>
              </a:ext>
            </a:extLst>
          </p:cNvPr>
          <p:cNvGrpSpPr>
            <a:grpSpLocks noChangeAspect="1"/>
          </p:cNvGrpSpPr>
          <p:nvPr/>
        </p:nvGrpSpPr>
        <p:grpSpPr bwMode="auto">
          <a:xfrm>
            <a:off x="8929967" y="4689252"/>
            <a:ext cx="421696" cy="260176"/>
            <a:chOff x="1042" y="486"/>
            <a:chExt cx="3676" cy="2268"/>
          </a:xfrm>
          <a:solidFill>
            <a:schemeClr val="bg2"/>
          </a:solidFill>
        </p:grpSpPr>
        <p:sp>
          <p:nvSpPr>
            <p:cNvPr id="360" name="Freeform 5">
              <a:extLst>
                <a:ext uri="{FF2B5EF4-FFF2-40B4-BE49-F238E27FC236}">
                  <a16:creationId xmlns:a16="http://schemas.microsoft.com/office/drawing/2014/main" id="{77523DE9-3E3F-4736-ADEE-6A86C39BF22F}"/>
                </a:ext>
              </a:extLst>
            </p:cNvPr>
            <p:cNvSpPr>
              <a:spLocks/>
            </p:cNvSpPr>
            <p:nvPr/>
          </p:nvSpPr>
          <p:spPr bwMode="auto">
            <a:xfrm>
              <a:off x="3160" y="486"/>
              <a:ext cx="1558" cy="1792"/>
            </a:xfrm>
            <a:custGeom>
              <a:avLst/>
              <a:gdLst>
                <a:gd name="T0" fmla="*/ 681 w 1558"/>
                <a:gd name="T1" fmla="*/ 151 h 1792"/>
                <a:gd name="T2" fmla="*/ 775 w 1558"/>
                <a:gd name="T3" fmla="*/ 172 h 1792"/>
                <a:gd name="T4" fmla="*/ 862 w 1558"/>
                <a:gd name="T5" fmla="*/ 212 h 1792"/>
                <a:gd name="T6" fmla="*/ 939 w 1558"/>
                <a:gd name="T7" fmla="*/ 268 h 1792"/>
                <a:gd name="T8" fmla="*/ 1005 w 1558"/>
                <a:gd name="T9" fmla="*/ 340 h 1792"/>
                <a:gd name="T10" fmla="*/ 1057 w 1558"/>
                <a:gd name="T11" fmla="*/ 423 h 1792"/>
                <a:gd name="T12" fmla="*/ 1094 w 1558"/>
                <a:gd name="T13" fmla="*/ 516 h 1792"/>
                <a:gd name="T14" fmla="*/ 1113 w 1558"/>
                <a:gd name="T15" fmla="*/ 619 h 1792"/>
                <a:gd name="T16" fmla="*/ 1114 w 1558"/>
                <a:gd name="T17" fmla="*/ 718 h 1792"/>
                <a:gd name="T18" fmla="*/ 1073 w 1558"/>
                <a:gd name="T19" fmla="*/ 887 h 1792"/>
                <a:gd name="T20" fmla="*/ 1021 w 1558"/>
                <a:gd name="T21" fmla="*/ 983 h 1792"/>
                <a:gd name="T22" fmla="*/ 1034 w 1558"/>
                <a:gd name="T23" fmla="*/ 1108 h 1792"/>
                <a:gd name="T24" fmla="*/ 1172 w 1558"/>
                <a:gd name="T25" fmla="*/ 1201 h 1792"/>
                <a:gd name="T26" fmla="*/ 1278 w 1558"/>
                <a:gd name="T27" fmla="*/ 1325 h 1792"/>
                <a:gd name="T28" fmla="*/ 1352 w 1558"/>
                <a:gd name="T29" fmla="*/ 1471 h 1792"/>
                <a:gd name="T30" fmla="*/ 1389 w 1558"/>
                <a:gd name="T31" fmla="*/ 1644 h 1792"/>
                <a:gd name="T32" fmla="*/ 485 w 1558"/>
                <a:gd name="T33" fmla="*/ 1713 h 1792"/>
                <a:gd name="T34" fmla="*/ 1557 w 1558"/>
                <a:gd name="T35" fmla="*/ 1715 h 1792"/>
                <a:gd name="T36" fmla="*/ 1539 w 1558"/>
                <a:gd name="T37" fmla="*/ 1552 h 1792"/>
                <a:gd name="T38" fmla="*/ 1476 w 1558"/>
                <a:gd name="T39" fmla="*/ 1354 h 1792"/>
                <a:gd name="T40" fmla="*/ 1371 w 1558"/>
                <a:gd name="T41" fmla="*/ 1185 h 1792"/>
                <a:gd name="T42" fmla="*/ 1227 w 1558"/>
                <a:gd name="T43" fmla="*/ 1049 h 1792"/>
                <a:gd name="T44" fmla="*/ 1224 w 1558"/>
                <a:gd name="T45" fmla="*/ 939 h 1792"/>
                <a:gd name="T46" fmla="*/ 1272 w 1558"/>
                <a:gd name="T47" fmla="*/ 764 h 1792"/>
                <a:gd name="T48" fmla="*/ 1276 w 1558"/>
                <a:gd name="T49" fmla="*/ 638 h 1792"/>
                <a:gd name="T50" fmla="*/ 1257 w 1558"/>
                <a:gd name="T51" fmla="*/ 504 h 1792"/>
                <a:gd name="T52" fmla="*/ 1214 w 1558"/>
                <a:gd name="T53" fmla="*/ 381 h 1792"/>
                <a:gd name="T54" fmla="*/ 1149 w 1558"/>
                <a:gd name="T55" fmla="*/ 270 h 1792"/>
                <a:gd name="T56" fmla="*/ 1065 w 1558"/>
                <a:gd name="T57" fmla="*/ 175 h 1792"/>
                <a:gd name="T58" fmla="*/ 966 w 1558"/>
                <a:gd name="T59" fmla="*/ 98 h 1792"/>
                <a:gd name="T60" fmla="*/ 853 w 1558"/>
                <a:gd name="T61" fmla="*/ 42 h 1792"/>
                <a:gd name="T62" fmla="*/ 729 w 1558"/>
                <a:gd name="T63" fmla="*/ 9 h 1792"/>
                <a:gd name="T64" fmla="*/ 631 w 1558"/>
                <a:gd name="T65" fmla="*/ 0 h 1792"/>
                <a:gd name="T66" fmla="*/ 518 w 1558"/>
                <a:gd name="T67" fmla="*/ 10 h 1792"/>
                <a:gd name="T68" fmla="*/ 411 w 1558"/>
                <a:gd name="T69" fmla="*/ 40 h 1792"/>
                <a:gd name="T70" fmla="*/ 313 w 1558"/>
                <a:gd name="T71" fmla="*/ 88 h 1792"/>
                <a:gd name="T72" fmla="*/ 224 w 1558"/>
                <a:gd name="T73" fmla="*/ 150 h 1792"/>
                <a:gd name="T74" fmla="*/ 147 w 1558"/>
                <a:gd name="T75" fmla="*/ 227 h 1792"/>
                <a:gd name="T76" fmla="*/ 83 w 1558"/>
                <a:gd name="T77" fmla="*/ 317 h 1792"/>
                <a:gd name="T78" fmla="*/ 34 w 1558"/>
                <a:gd name="T79" fmla="*/ 417 h 1792"/>
                <a:gd name="T80" fmla="*/ 0 w 1558"/>
                <a:gd name="T81" fmla="*/ 525 h 1792"/>
                <a:gd name="T82" fmla="*/ 115 w 1558"/>
                <a:gd name="T83" fmla="*/ 595 h 1792"/>
                <a:gd name="T84" fmla="*/ 155 w 1558"/>
                <a:gd name="T85" fmla="*/ 574 h 1792"/>
                <a:gd name="T86" fmla="*/ 180 w 1558"/>
                <a:gd name="T87" fmla="*/ 481 h 1792"/>
                <a:gd name="T88" fmla="*/ 220 w 1558"/>
                <a:gd name="T89" fmla="*/ 395 h 1792"/>
                <a:gd name="T90" fmla="*/ 273 w 1558"/>
                <a:gd name="T91" fmla="*/ 319 h 1792"/>
                <a:gd name="T92" fmla="*/ 339 w 1558"/>
                <a:gd name="T93" fmla="*/ 255 h 1792"/>
                <a:gd name="T94" fmla="*/ 413 w 1558"/>
                <a:gd name="T95" fmla="*/ 205 h 1792"/>
                <a:gd name="T96" fmla="*/ 496 w 1558"/>
                <a:gd name="T97" fmla="*/ 169 h 1792"/>
                <a:gd name="T98" fmla="*/ 585 w 1558"/>
                <a:gd name="T99" fmla="*/ 151 h 17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558" h="1792">
                  <a:moveTo>
                    <a:pt x="631" y="148"/>
                  </a:moveTo>
                  <a:lnTo>
                    <a:pt x="631" y="148"/>
                  </a:lnTo>
                  <a:lnTo>
                    <a:pt x="656" y="150"/>
                  </a:lnTo>
                  <a:lnTo>
                    <a:pt x="681" y="151"/>
                  </a:lnTo>
                  <a:lnTo>
                    <a:pt x="705" y="154"/>
                  </a:lnTo>
                  <a:lnTo>
                    <a:pt x="729" y="160"/>
                  </a:lnTo>
                  <a:lnTo>
                    <a:pt x="752" y="165"/>
                  </a:lnTo>
                  <a:lnTo>
                    <a:pt x="775" y="172"/>
                  </a:lnTo>
                  <a:lnTo>
                    <a:pt x="797" y="181"/>
                  </a:lnTo>
                  <a:lnTo>
                    <a:pt x="819" y="190"/>
                  </a:lnTo>
                  <a:lnTo>
                    <a:pt x="841" y="200"/>
                  </a:lnTo>
                  <a:lnTo>
                    <a:pt x="862" y="212"/>
                  </a:lnTo>
                  <a:lnTo>
                    <a:pt x="882" y="225"/>
                  </a:lnTo>
                  <a:lnTo>
                    <a:pt x="902" y="239"/>
                  </a:lnTo>
                  <a:lnTo>
                    <a:pt x="920" y="254"/>
                  </a:lnTo>
                  <a:lnTo>
                    <a:pt x="939" y="268"/>
                  </a:lnTo>
                  <a:lnTo>
                    <a:pt x="957" y="285"/>
                  </a:lnTo>
                  <a:lnTo>
                    <a:pt x="974" y="303"/>
                  </a:lnTo>
                  <a:lnTo>
                    <a:pt x="990" y="320"/>
                  </a:lnTo>
                  <a:lnTo>
                    <a:pt x="1005" y="340"/>
                  </a:lnTo>
                  <a:lnTo>
                    <a:pt x="1020" y="359"/>
                  </a:lnTo>
                  <a:lnTo>
                    <a:pt x="1033" y="380"/>
                  </a:lnTo>
                  <a:lnTo>
                    <a:pt x="1045" y="400"/>
                  </a:lnTo>
                  <a:lnTo>
                    <a:pt x="1057" y="423"/>
                  </a:lnTo>
                  <a:lnTo>
                    <a:pt x="1068" y="445"/>
                  </a:lnTo>
                  <a:lnTo>
                    <a:pt x="1077" y="469"/>
                  </a:lnTo>
                  <a:lnTo>
                    <a:pt x="1086" y="492"/>
                  </a:lnTo>
                  <a:lnTo>
                    <a:pt x="1094" y="516"/>
                  </a:lnTo>
                  <a:lnTo>
                    <a:pt x="1101" y="541"/>
                  </a:lnTo>
                  <a:lnTo>
                    <a:pt x="1106" y="567"/>
                  </a:lnTo>
                  <a:lnTo>
                    <a:pt x="1110" y="593"/>
                  </a:lnTo>
                  <a:lnTo>
                    <a:pt x="1113" y="619"/>
                  </a:lnTo>
                  <a:lnTo>
                    <a:pt x="1114" y="645"/>
                  </a:lnTo>
                  <a:lnTo>
                    <a:pt x="1116" y="672"/>
                  </a:lnTo>
                  <a:lnTo>
                    <a:pt x="1116" y="672"/>
                  </a:lnTo>
                  <a:lnTo>
                    <a:pt x="1114" y="718"/>
                  </a:lnTo>
                  <a:lnTo>
                    <a:pt x="1109" y="761"/>
                  </a:lnTo>
                  <a:lnTo>
                    <a:pt x="1100" y="805"/>
                  </a:lnTo>
                  <a:lnTo>
                    <a:pt x="1088" y="847"/>
                  </a:lnTo>
                  <a:lnTo>
                    <a:pt x="1073" y="887"/>
                  </a:lnTo>
                  <a:lnTo>
                    <a:pt x="1054" y="927"/>
                  </a:lnTo>
                  <a:lnTo>
                    <a:pt x="1043" y="946"/>
                  </a:lnTo>
                  <a:lnTo>
                    <a:pt x="1033" y="966"/>
                  </a:lnTo>
                  <a:lnTo>
                    <a:pt x="1021" y="983"/>
                  </a:lnTo>
                  <a:lnTo>
                    <a:pt x="1008" y="1001"/>
                  </a:lnTo>
                  <a:lnTo>
                    <a:pt x="957" y="1068"/>
                  </a:lnTo>
                  <a:lnTo>
                    <a:pt x="1034" y="1108"/>
                  </a:lnTo>
                  <a:lnTo>
                    <a:pt x="1034" y="1108"/>
                  </a:lnTo>
                  <a:lnTo>
                    <a:pt x="1071" y="1129"/>
                  </a:lnTo>
                  <a:lnTo>
                    <a:pt x="1107" y="1151"/>
                  </a:lnTo>
                  <a:lnTo>
                    <a:pt x="1141" y="1176"/>
                  </a:lnTo>
                  <a:lnTo>
                    <a:pt x="1172" y="1201"/>
                  </a:lnTo>
                  <a:lnTo>
                    <a:pt x="1202" y="1230"/>
                  </a:lnTo>
                  <a:lnTo>
                    <a:pt x="1229" y="1259"/>
                  </a:lnTo>
                  <a:lnTo>
                    <a:pt x="1254" y="1290"/>
                  </a:lnTo>
                  <a:lnTo>
                    <a:pt x="1278" y="1325"/>
                  </a:lnTo>
                  <a:lnTo>
                    <a:pt x="1300" y="1359"/>
                  </a:lnTo>
                  <a:lnTo>
                    <a:pt x="1319" y="1394"/>
                  </a:lnTo>
                  <a:lnTo>
                    <a:pt x="1335" y="1433"/>
                  </a:lnTo>
                  <a:lnTo>
                    <a:pt x="1352" y="1471"/>
                  </a:lnTo>
                  <a:lnTo>
                    <a:pt x="1364" y="1513"/>
                  </a:lnTo>
                  <a:lnTo>
                    <a:pt x="1374" y="1555"/>
                  </a:lnTo>
                  <a:lnTo>
                    <a:pt x="1383" y="1598"/>
                  </a:lnTo>
                  <a:lnTo>
                    <a:pt x="1389" y="1644"/>
                  </a:lnTo>
                  <a:lnTo>
                    <a:pt x="407" y="1644"/>
                  </a:lnTo>
                  <a:lnTo>
                    <a:pt x="407" y="1644"/>
                  </a:lnTo>
                  <a:lnTo>
                    <a:pt x="447" y="1678"/>
                  </a:lnTo>
                  <a:lnTo>
                    <a:pt x="485" y="1713"/>
                  </a:lnTo>
                  <a:lnTo>
                    <a:pt x="521" y="1752"/>
                  </a:lnTo>
                  <a:lnTo>
                    <a:pt x="554" y="1792"/>
                  </a:lnTo>
                  <a:lnTo>
                    <a:pt x="1558" y="1792"/>
                  </a:lnTo>
                  <a:lnTo>
                    <a:pt x="1557" y="1715"/>
                  </a:lnTo>
                  <a:lnTo>
                    <a:pt x="1557" y="1715"/>
                  </a:lnTo>
                  <a:lnTo>
                    <a:pt x="1554" y="1658"/>
                  </a:lnTo>
                  <a:lnTo>
                    <a:pt x="1548" y="1605"/>
                  </a:lnTo>
                  <a:lnTo>
                    <a:pt x="1539" y="1552"/>
                  </a:lnTo>
                  <a:lnTo>
                    <a:pt x="1527" y="1500"/>
                  </a:lnTo>
                  <a:lnTo>
                    <a:pt x="1513" y="1449"/>
                  </a:lnTo>
                  <a:lnTo>
                    <a:pt x="1496" y="1400"/>
                  </a:lnTo>
                  <a:lnTo>
                    <a:pt x="1476" y="1354"/>
                  </a:lnTo>
                  <a:lnTo>
                    <a:pt x="1454" y="1310"/>
                  </a:lnTo>
                  <a:lnTo>
                    <a:pt x="1429" y="1267"/>
                  </a:lnTo>
                  <a:lnTo>
                    <a:pt x="1402" y="1225"/>
                  </a:lnTo>
                  <a:lnTo>
                    <a:pt x="1371" y="1185"/>
                  </a:lnTo>
                  <a:lnTo>
                    <a:pt x="1340" y="1148"/>
                  </a:lnTo>
                  <a:lnTo>
                    <a:pt x="1304" y="1112"/>
                  </a:lnTo>
                  <a:lnTo>
                    <a:pt x="1267" y="1080"/>
                  </a:lnTo>
                  <a:lnTo>
                    <a:pt x="1227" y="1049"/>
                  </a:lnTo>
                  <a:lnTo>
                    <a:pt x="1184" y="1019"/>
                  </a:lnTo>
                  <a:lnTo>
                    <a:pt x="1184" y="1019"/>
                  </a:lnTo>
                  <a:lnTo>
                    <a:pt x="1206" y="979"/>
                  </a:lnTo>
                  <a:lnTo>
                    <a:pt x="1224" y="939"/>
                  </a:lnTo>
                  <a:lnTo>
                    <a:pt x="1241" y="896"/>
                  </a:lnTo>
                  <a:lnTo>
                    <a:pt x="1254" y="853"/>
                  </a:lnTo>
                  <a:lnTo>
                    <a:pt x="1264" y="810"/>
                  </a:lnTo>
                  <a:lnTo>
                    <a:pt x="1272" y="764"/>
                  </a:lnTo>
                  <a:lnTo>
                    <a:pt x="1276" y="719"/>
                  </a:lnTo>
                  <a:lnTo>
                    <a:pt x="1278" y="672"/>
                  </a:lnTo>
                  <a:lnTo>
                    <a:pt x="1278" y="672"/>
                  </a:lnTo>
                  <a:lnTo>
                    <a:pt x="1276" y="638"/>
                  </a:lnTo>
                  <a:lnTo>
                    <a:pt x="1275" y="604"/>
                  </a:lnTo>
                  <a:lnTo>
                    <a:pt x="1270" y="570"/>
                  </a:lnTo>
                  <a:lnTo>
                    <a:pt x="1264" y="537"/>
                  </a:lnTo>
                  <a:lnTo>
                    <a:pt x="1257" y="504"/>
                  </a:lnTo>
                  <a:lnTo>
                    <a:pt x="1248" y="473"/>
                  </a:lnTo>
                  <a:lnTo>
                    <a:pt x="1238" y="442"/>
                  </a:lnTo>
                  <a:lnTo>
                    <a:pt x="1226" y="411"/>
                  </a:lnTo>
                  <a:lnTo>
                    <a:pt x="1214" y="381"/>
                  </a:lnTo>
                  <a:lnTo>
                    <a:pt x="1199" y="353"/>
                  </a:lnTo>
                  <a:lnTo>
                    <a:pt x="1184" y="325"/>
                  </a:lnTo>
                  <a:lnTo>
                    <a:pt x="1166" y="297"/>
                  </a:lnTo>
                  <a:lnTo>
                    <a:pt x="1149" y="270"/>
                  </a:lnTo>
                  <a:lnTo>
                    <a:pt x="1129" y="245"/>
                  </a:lnTo>
                  <a:lnTo>
                    <a:pt x="1109" y="221"/>
                  </a:lnTo>
                  <a:lnTo>
                    <a:pt x="1088" y="197"/>
                  </a:lnTo>
                  <a:lnTo>
                    <a:pt x="1065" y="175"/>
                  </a:lnTo>
                  <a:lnTo>
                    <a:pt x="1042" y="154"/>
                  </a:lnTo>
                  <a:lnTo>
                    <a:pt x="1018" y="133"/>
                  </a:lnTo>
                  <a:lnTo>
                    <a:pt x="993" y="116"/>
                  </a:lnTo>
                  <a:lnTo>
                    <a:pt x="966" y="98"/>
                  </a:lnTo>
                  <a:lnTo>
                    <a:pt x="939" y="82"/>
                  </a:lnTo>
                  <a:lnTo>
                    <a:pt x="911" y="67"/>
                  </a:lnTo>
                  <a:lnTo>
                    <a:pt x="883" y="53"/>
                  </a:lnTo>
                  <a:lnTo>
                    <a:pt x="853" y="42"/>
                  </a:lnTo>
                  <a:lnTo>
                    <a:pt x="824" y="31"/>
                  </a:lnTo>
                  <a:lnTo>
                    <a:pt x="793" y="22"/>
                  </a:lnTo>
                  <a:lnTo>
                    <a:pt x="761" y="15"/>
                  </a:lnTo>
                  <a:lnTo>
                    <a:pt x="729" y="9"/>
                  </a:lnTo>
                  <a:lnTo>
                    <a:pt x="698" y="4"/>
                  </a:lnTo>
                  <a:lnTo>
                    <a:pt x="665" y="1"/>
                  </a:lnTo>
                  <a:lnTo>
                    <a:pt x="631" y="0"/>
                  </a:lnTo>
                  <a:lnTo>
                    <a:pt x="631" y="0"/>
                  </a:lnTo>
                  <a:lnTo>
                    <a:pt x="603" y="1"/>
                  </a:lnTo>
                  <a:lnTo>
                    <a:pt x="574" y="3"/>
                  </a:lnTo>
                  <a:lnTo>
                    <a:pt x="546" y="6"/>
                  </a:lnTo>
                  <a:lnTo>
                    <a:pt x="518" y="10"/>
                  </a:lnTo>
                  <a:lnTo>
                    <a:pt x="491" y="16"/>
                  </a:lnTo>
                  <a:lnTo>
                    <a:pt x="465" y="24"/>
                  </a:lnTo>
                  <a:lnTo>
                    <a:pt x="438" y="31"/>
                  </a:lnTo>
                  <a:lnTo>
                    <a:pt x="411" y="40"/>
                  </a:lnTo>
                  <a:lnTo>
                    <a:pt x="386" y="50"/>
                  </a:lnTo>
                  <a:lnTo>
                    <a:pt x="362" y="62"/>
                  </a:lnTo>
                  <a:lnTo>
                    <a:pt x="337" y="74"/>
                  </a:lnTo>
                  <a:lnTo>
                    <a:pt x="313" y="88"/>
                  </a:lnTo>
                  <a:lnTo>
                    <a:pt x="291" y="102"/>
                  </a:lnTo>
                  <a:lnTo>
                    <a:pt x="267" y="117"/>
                  </a:lnTo>
                  <a:lnTo>
                    <a:pt x="247" y="133"/>
                  </a:lnTo>
                  <a:lnTo>
                    <a:pt x="224" y="150"/>
                  </a:lnTo>
                  <a:lnTo>
                    <a:pt x="205" y="169"/>
                  </a:lnTo>
                  <a:lnTo>
                    <a:pt x="184" y="187"/>
                  </a:lnTo>
                  <a:lnTo>
                    <a:pt x="167" y="208"/>
                  </a:lnTo>
                  <a:lnTo>
                    <a:pt x="147" y="227"/>
                  </a:lnTo>
                  <a:lnTo>
                    <a:pt x="131" y="249"/>
                  </a:lnTo>
                  <a:lnTo>
                    <a:pt x="113" y="270"/>
                  </a:lnTo>
                  <a:lnTo>
                    <a:pt x="98" y="294"/>
                  </a:lnTo>
                  <a:lnTo>
                    <a:pt x="83" y="317"/>
                  </a:lnTo>
                  <a:lnTo>
                    <a:pt x="70" y="341"/>
                  </a:lnTo>
                  <a:lnTo>
                    <a:pt x="57" y="365"/>
                  </a:lnTo>
                  <a:lnTo>
                    <a:pt x="45" y="390"/>
                  </a:lnTo>
                  <a:lnTo>
                    <a:pt x="34" y="417"/>
                  </a:lnTo>
                  <a:lnTo>
                    <a:pt x="24" y="444"/>
                  </a:lnTo>
                  <a:lnTo>
                    <a:pt x="15" y="470"/>
                  </a:lnTo>
                  <a:lnTo>
                    <a:pt x="8" y="497"/>
                  </a:lnTo>
                  <a:lnTo>
                    <a:pt x="0" y="525"/>
                  </a:lnTo>
                  <a:lnTo>
                    <a:pt x="0" y="525"/>
                  </a:lnTo>
                  <a:lnTo>
                    <a:pt x="40" y="546"/>
                  </a:lnTo>
                  <a:lnTo>
                    <a:pt x="78" y="570"/>
                  </a:lnTo>
                  <a:lnTo>
                    <a:pt x="115" y="595"/>
                  </a:lnTo>
                  <a:lnTo>
                    <a:pt x="149" y="623"/>
                  </a:lnTo>
                  <a:lnTo>
                    <a:pt x="149" y="623"/>
                  </a:lnTo>
                  <a:lnTo>
                    <a:pt x="152" y="598"/>
                  </a:lnTo>
                  <a:lnTo>
                    <a:pt x="155" y="574"/>
                  </a:lnTo>
                  <a:lnTo>
                    <a:pt x="161" y="549"/>
                  </a:lnTo>
                  <a:lnTo>
                    <a:pt x="167" y="527"/>
                  </a:lnTo>
                  <a:lnTo>
                    <a:pt x="172" y="503"/>
                  </a:lnTo>
                  <a:lnTo>
                    <a:pt x="180" y="481"/>
                  </a:lnTo>
                  <a:lnTo>
                    <a:pt x="189" y="458"/>
                  </a:lnTo>
                  <a:lnTo>
                    <a:pt x="199" y="436"/>
                  </a:lnTo>
                  <a:lnTo>
                    <a:pt x="210" y="415"/>
                  </a:lnTo>
                  <a:lnTo>
                    <a:pt x="220" y="395"/>
                  </a:lnTo>
                  <a:lnTo>
                    <a:pt x="232" y="375"/>
                  </a:lnTo>
                  <a:lnTo>
                    <a:pt x="245" y="356"/>
                  </a:lnTo>
                  <a:lnTo>
                    <a:pt x="258" y="337"/>
                  </a:lnTo>
                  <a:lnTo>
                    <a:pt x="273" y="319"/>
                  </a:lnTo>
                  <a:lnTo>
                    <a:pt x="288" y="303"/>
                  </a:lnTo>
                  <a:lnTo>
                    <a:pt x="304" y="286"/>
                  </a:lnTo>
                  <a:lnTo>
                    <a:pt x="321" y="270"/>
                  </a:lnTo>
                  <a:lnTo>
                    <a:pt x="339" y="255"/>
                  </a:lnTo>
                  <a:lnTo>
                    <a:pt x="356" y="242"/>
                  </a:lnTo>
                  <a:lnTo>
                    <a:pt x="374" y="228"/>
                  </a:lnTo>
                  <a:lnTo>
                    <a:pt x="393" y="217"/>
                  </a:lnTo>
                  <a:lnTo>
                    <a:pt x="413" y="205"/>
                  </a:lnTo>
                  <a:lnTo>
                    <a:pt x="432" y="194"/>
                  </a:lnTo>
                  <a:lnTo>
                    <a:pt x="453" y="185"/>
                  </a:lnTo>
                  <a:lnTo>
                    <a:pt x="474" y="177"/>
                  </a:lnTo>
                  <a:lnTo>
                    <a:pt x="496" y="169"/>
                  </a:lnTo>
                  <a:lnTo>
                    <a:pt x="517" y="163"/>
                  </a:lnTo>
                  <a:lnTo>
                    <a:pt x="539" y="159"/>
                  </a:lnTo>
                  <a:lnTo>
                    <a:pt x="561" y="154"/>
                  </a:lnTo>
                  <a:lnTo>
                    <a:pt x="585" y="151"/>
                  </a:lnTo>
                  <a:lnTo>
                    <a:pt x="607" y="150"/>
                  </a:lnTo>
                  <a:lnTo>
                    <a:pt x="631" y="148"/>
                  </a:lnTo>
                  <a:lnTo>
                    <a:pt x="631" y="14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61" name="Freeform 6">
              <a:extLst>
                <a:ext uri="{FF2B5EF4-FFF2-40B4-BE49-F238E27FC236}">
                  <a16:creationId xmlns:a16="http://schemas.microsoft.com/office/drawing/2014/main" id="{03CAA777-F433-4EED-A49A-1F5D2BA7C7B3}"/>
                </a:ext>
              </a:extLst>
            </p:cNvPr>
            <p:cNvSpPr>
              <a:spLocks/>
            </p:cNvSpPr>
            <p:nvPr/>
          </p:nvSpPr>
          <p:spPr bwMode="auto">
            <a:xfrm>
              <a:off x="1042" y="486"/>
              <a:ext cx="1522" cy="1792"/>
            </a:xfrm>
            <a:custGeom>
              <a:avLst/>
              <a:gdLst>
                <a:gd name="T0" fmla="*/ 166 w 1522"/>
                <a:gd name="T1" fmla="*/ 1599 h 1792"/>
                <a:gd name="T2" fmla="*/ 205 w 1522"/>
                <a:gd name="T3" fmla="*/ 1433 h 1792"/>
                <a:gd name="T4" fmla="*/ 280 w 1522"/>
                <a:gd name="T5" fmla="*/ 1292 h 1792"/>
                <a:gd name="T6" fmla="*/ 390 w 1522"/>
                <a:gd name="T7" fmla="*/ 1176 h 1792"/>
                <a:gd name="T8" fmla="*/ 571 w 1522"/>
                <a:gd name="T9" fmla="*/ 1068 h 1792"/>
                <a:gd name="T10" fmla="*/ 495 w 1522"/>
                <a:gd name="T11" fmla="*/ 966 h 1792"/>
                <a:gd name="T12" fmla="*/ 455 w 1522"/>
                <a:gd name="T13" fmla="*/ 889 h 1792"/>
                <a:gd name="T14" fmla="*/ 414 w 1522"/>
                <a:gd name="T15" fmla="*/ 718 h 1792"/>
                <a:gd name="T16" fmla="*/ 415 w 1522"/>
                <a:gd name="T17" fmla="*/ 619 h 1792"/>
                <a:gd name="T18" fmla="*/ 435 w 1522"/>
                <a:gd name="T19" fmla="*/ 516 h 1792"/>
                <a:gd name="T20" fmla="*/ 472 w 1522"/>
                <a:gd name="T21" fmla="*/ 423 h 1792"/>
                <a:gd name="T22" fmla="*/ 524 w 1522"/>
                <a:gd name="T23" fmla="*/ 340 h 1792"/>
                <a:gd name="T24" fmla="*/ 589 w 1522"/>
                <a:gd name="T25" fmla="*/ 268 h 1792"/>
                <a:gd name="T26" fmla="*/ 666 w 1522"/>
                <a:gd name="T27" fmla="*/ 212 h 1792"/>
                <a:gd name="T28" fmla="*/ 754 w 1522"/>
                <a:gd name="T29" fmla="*/ 172 h 1792"/>
                <a:gd name="T30" fmla="*/ 847 w 1522"/>
                <a:gd name="T31" fmla="*/ 151 h 1792"/>
                <a:gd name="T32" fmla="*/ 920 w 1522"/>
                <a:gd name="T33" fmla="*/ 150 h 1792"/>
                <a:gd name="T34" fmla="*/ 1006 w 1522"/>
                <a:gd name="T35" fmla="*/ 162 h 1792"/>
                <a:gd name="T36" fmla="*/ 1086 w 1522"/>
                <a:gd name="T37" fmla="*/ 190 h 1792"/>
                <a:gd name="T38" fmla="*/ 1160 w 1522"/>
                <a:gd name="T39" fmla="*/ 233 h 1792"/>
                <a:gd name="T40" fmla="*/ 1225 w 1522"/>
                <a:gd name="T41" fmla="*/ 288 h 1792"/>
                <a:gd name="T42" fmla="*/ 1282 w 1522"/>
                <a:gd name="T43" fmla="*/ 355 h 1792"/>
                <a:gd name="T44" fmla="*/ 1326 w 1522"/>
                <a:gd name="T45" fmla="*/ 430 h 1792"/>
                <a:gd name="T46" fmla="*/ 1359 w 1522"/>
                <a:gd name="T47" fmla="*/ 513 h 1792"/>
                <a:gd name="T48" fmla="*/ 1374 w 1522"/>
                <a:gd name="T49" fmla="*/ 581 h 1792"/>
                <a:gd name="T50" fmla="*/ 1522 w 1522"/>
                <a:gd name="T51" fmla="*/ 501 h 1792"/>
                <a:gd name="T52" fmla="*/ 1497 w 1522"/>
                <a:gd name="T53" fmla="*/ 423 h 1792"/>
                <a:gd name="T54" fmla="*/ 1449 w 1522"/>
                <a:gd name="T55" fmla="*/ 325 h 1792"/>
                <a:gd name="T56" fmla="*/ 1389 w 1522"/>
                <a:gd name="T57" fmla="*/ 237 h 1792"/>
                <a:gd name="T58" fmla="*/ 1314 w 1522"/>
                <a:gd name="T59" fmla="*/ 160 h 1792"/>
                <a:gd name="T60" fmla="*/ 1230 w 1522"/>
                <a:gd name="T61" fmla="*/ 96 h 1792"/>
                <a:gd name="T62" fmla="*/ 1136 w 1522"/>
                <a:gd name="T63" fmla="*/ 47 h 1792"/>
                <a:gd name="T64" fmla="*/ 1034 w 1522"/>
                <a:gd name="T65" fmla="*/ 15 h 1792"/>
                <a:gd name="T66" fmla="*/ 926 w 1522"/>
                <a:gd name="T67" fmla="*/ 1 h 1792"/>
                <a:gd name="T68" fmla="*/ 831 w 1522"/>
                <a:gd name="T69" fmla="*/ 4 h 1792"/>
                <a:gd name="T70" fmla="*/ 705 w 1522"/>
                <a:gd name="T71" fmla="*/ 31 h 1792"/>
                <a:gd name="T72" fmla="*/ 589 w 1522"/>
                <a:gd name="T73" fmla="*/ 82 h 1792"/>
                <a:gd name="T74" fmla="*/ 487 w 1522"/>
                <a:gd name="T75" fmla="*/ 154 h 1792"/>
                <a:gd name="T76" fmla="*/ 399 w 1522"/>
                <a:gd name="T77" fmla="*/ 245 h 1792"/>
                <a:gd name="T78" fmla="*/ 329 w 1522"/>
                <a:gd name="T79" fmla="*/ 353 h 1792"/>
                <a:gd name="T80" fmla="*/ 280 w 1522"/>
                <a:gd name="T81" fmla="*/ 473 h 1792"/>
                <a:gd name="T82" fmla="*/ 254 w 1522"/>
                <a:gd name="T83" fmla="*/ 604 h 1792"/>
                <a:gd name="T84" fmla="*/ 252 w 1522"/>
                <a:gd name="T85" fmla="*/ 719 h 1792"/>
                <a:gd name="T86" fmla="*/ 288 w 1522"/>
                <a:gd name="T87" fmla="*/ 897 h 1792"/>
                <a:gd name="T88" fmla="*/ 344 w 1522"/>
                <a:gd name="T89" fmla="*/ 1021 h 1792"/>
                <a:gd name="T90" fmla="*/ 191 w 1522"/>
                <a:gd name="T91" fmla="*/ 1150 h 1792"/>
                <a:gd name="T92" fmla="*/ 83 w 1522"/>
                <a:gd name="T93" fmla="*/ 1313 h 1792"/>
                <a:gd name="T94" fmla="*/ 18 w 1522"/>
                <a:gd name="T95" fmla="*/ 1503 h 1792"/>
                <a:gd name="T96" fmla="*/ 0 w 1522"/>
                <a:gd name="T97" fmla="*/ 1719 h 1792"/>
                <a:gd name="T98" fmla="*/ 939 w 1522"/>
                <a:gd name="T99" fmla="*/ 1771 h 1792"/>
                <a:gd name="T100" fmla="*/ 1067 w 1522"/>
                <a:gd name="T101" fmla="*/ 1644 h 17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1522" h="1792">
                  <a:moveTo>
                    <a:pt x="1067" y="1644"/>
                  </a:moveTo>
                  <a:lnTo>
                    <a:pt x="163" y="1644"/>
                  </a:lnTo>
                  <a:lnTo>
                    <a:pt x="163" y="1644"/>
                  </a:lnTo>
                  <a:lnTo>
                    <a:pt x="166" y="1599"/>
                  </a:lnTo>
                  <a:lnTo>
                    <a:pt x="172" y="1555"/>
                  </a:lnTo>
                  <a:lnTo>
                    <a:pt x="181" y="1513"/>
                  </a:lnTo>
                  <a:lnTo>
                    <a:pt x="191" y="1473"/>
                  </a:lnTo>
                  <a:lnTo>
                    <a:pt x="205" y="1433"/>
                  </a:lnTo>
                  <a:lnTo>
                    <a:pt x="220" y="1396"/>
                  </a:lnTo>
                  <a:lnTo>
                    <a:pt x="237" y="1360"/>
                  </a:lnTo>
                  <a:lnTo>
                    <a:pt x="258" y="1325"/>
                  </a:lnTo>
                  <a:lnTo>
                    <a:pt x="280" y="1292"/>
                  </a:lnTo>
                  <a:lnTo>
                    <a:pt x="304" y="1261"/>
                  </a:lnTo>
                  <a:lnTo>
                    <a:pt x="331" y="1231"/>
                  </a:lnTo>
                  <a:lnTo>
                    <a:pt x="359" y="1203"/>
                  </a:lnTo>
                  <a:lnTo>
                    <a:pt x="390" y="1176"/>
                  </a:lnTo>
                  <a:lnTo>
                    <a:pt x="423" y="1153"/>
                  </a:lnTo>
                  <a:lnTo>
                    <a:pt x="457" y="1129"/>
                  </a:lnTo>
                  <a:lnTo>
                    <a:pt x="494" y="1108"/>
                  </a:lnTo>
                  <a:lnTo>
                    <a:pt x="571" y="1068"/>
                  </a:lnTo>
                  <a:lnTo>
                    <a:pt x="521" y="1001"/>
                  </a:lnTo>
                  <a:lnTo>
                    <a:pt x="521" y="1001"/>
                  </a:lnTo>
                  <a:lnTo>
                    <a:pt x="509" y="983"/>
                  </a:lnTo>
                  <a:lnTo>
                    <a:pt x="495" y="966"/>
                  </a:lnTo>
                  <a:lnTo>
                    <a:pt x="485" y="946"/>
                  </a:lnTo>
                  <a:lnTo>
                    <a:pt x="475" y="927"/>
                  </a:lnTo>
                  <a:lnTo>
                    <a:pt x="464" y="908"/>
                  </a:lnTo>
                  <a:lnTo>
                    <a:pt x="455" y="889"/>
                  </a:lnTo>
                  <a:lnTo>
                    <a:pt x="441" y="847"/>
                  </a:lnTo>
                  <a:lnTo>
                    <a:pt x="429" y="805"/>
                  </a:lnTo>
                  <a:lnTo>
                    <a:pt x="420" y="762"/>
                  </a:lnTo>
                  <a:lnTo>
                    <a:pt x="414" y="718"/>
                  </a:lnTo>
                  <a:lnTo>
                    <a:pt x="412" y="672"/>
                  </a:lnTo>
                  <a:lnTo>
                    <a:pt x="412" y="672"/>
                  </a:lnTo>
                  <a:lnTo>
                    <a:pt x="414" y="645"/>
                  </a:lnTo>
                  <a:lnTo>
                    <a:pt x="415" y="619"/>
                  </a:lnTo>
                  <a:lnTo>
                    <a:pt x="418" y="593"/>
                  </a:lnTo>
                  <a:lnTo>
                    <a:pt x="423" y="567"/>
                  </a:lnTo>
                  <a:lnTo>
                    <a:pt x="427" y="541"/>
                  </a:lnTo>
                  <a:lnTo>
                    <a:pt x="435" y="516"/>
                  </a:lnTo>
                  <a:lnTo>
                    <a:pt x="442" y="492"/>
                  </a:lnTo>
                  <a:lnTo>
                    <a:pt x="451" y="469"/>
                  </a:lnTo>
                  <a:lnTo>
                    <a:pt x="460" y="445"/>
                  </a:lnTo>
                  <a:lnTo>
                    <a:pt x="472" y="423"/>
                  </a:lnTo>
                  <a:lnTo>
                    <a:pt x="484" y="400"/>
                  </a:lnTo>
                  <a:lnTo>
                    <a:pt x="495" y="380"/>
                  </a:lnTo>
                  <a:lnTo>
                    <a:pt x="509" y="359"/>
                  </a:lnTo>
                  <a:lnTo>
                    <a:pt x="524" y="340"/>
                  </a:lnTo>
                  <a:lnTo>
                    <a:pt x="538" y="320"/>
                  </a:lnTo>
                  <a:lnTo>
                    <a:pt x="555" y="303"/>
                  </a:lnTo>
                  <a:lnTo>
                    <a:pt x="571" y="285"/>
                  </a:lnTo>
                  <a:lnTo>
                    <a:pt x="589" y="268"/>
                  </a:lnTo>
                  <a:lnTo>
                    <a:pt x="607" y="254"/>
                  </a:lnTo>
                  <a:lnTo>
                    <a:pt x="626" y="239"/>
                  </a:lnTo>
                  <a:lnTo>
                    <a:pt x="647" y="225"/>
                  </a:lnTo>
                  <a:lnTo>
                    <a:pt x="666" y="212"/>
                  </a:lnTo>
                  <a:lnTo>
                    <a:pt x="687" y="200"/>
                  </a:lnTo>
                  <a:lnTo>
                    <a:pt x="709" y="190"/>
                  </a:lnTo>
                  <a:lnTo>
                    <a:pt x="731" y="181"/>
                  </a:lnTo>
                  <a:lnTo>
                    <a:pt x="754" y="172"/>
                  </a:lnTo>
                  <a:lnTo>
                    <a:pt x="776" y="165"/>
                  </a:lnTo>
                  <a:lnTo>
                    <a:pt x="800" y="160"/>
                  </a:lnTo>
                  <a:lnTo>
                    <a:pt x="823" y="154"/>
                  </a:lnTo>
                  <a:lnTo>
                    <a:pt x="847" y="151"/>
                  </a:lnTo>
                  <a:lnTo>
                    <a:pt x="872" y="150"/>
                  </a:lnTo>
                  <a:lnTo>
                    <a:pt x="897" y="148"/>
                  </a:lnTo>
                  <a:lnTo>
                    <a:pt x="897" y="148"/>
                  </a:lnTo>
                  <a:lnTo>
                    <a:pt x="920" y="150"/>
                  </a:lnTo>
                  <a:lnTo>
                    <a:pt x="942" y="151"/>
                  </a:lnTo>
                  <a:lnTo>
                    <a:pt x="963" y="154"/>
                  </a:lnTo>
                  <a:lnTo>
                    <a:pt x="985" y="157"/>
                  </a:lnTo>
                  <a:lnTo>
                    <a:pt x="1006" y="162"/>
                  </a:lnTo>
                  <a:lnTo>
                    <a:pt x="1027" y="168"/>
                  </a:lnTo>
                  <a:lnTo>
                    <a:pt x="1047" y="175"/>
                  </a:lnTo>
                  <a:lnTo>
                    <a:pt x="1067" y="182"/>
                  </a:lnTo>
                  <a:lnTo>
                    <a:pt x="1086" y="190"/>
                  </a:lnTo>
                  <a:lnTo>
                    <a:pt x="1105" y="200"/>
                  </a:lnTo>
                  <a:lnTo>
                    <a:pt x="1124" y="209"/>
                  </a:lnTo>
                  <a:lnTo>
                    <a:pt x="1142" y="221"/>
                  </a:lnTo>
                  <a:lnTo>
                    <a:pt x="1160" y="233"/>
                  </a:lnTo>
                  <a:lnTo>
                    <a:pt x="1178" y="245"/>
                  </a:lnTo>
                  <a:lnTo>
                    <a:pt x="1194" y="260"/>
                  </a:lnTo>
                  <a:lnTo>
                    <a:pt x="1210" y="273"/>
                  </a:lnTo>
                  <a:lnTo>
                    <a:pt x="1225" y="288"/>
                  </a:lnTo>
                  <a:lnTo>
                    <a:pt x="1240" y="304"/>
                  </a:lnTo>
                  <a:lnTo>
                    <a:pt x="1255" y="320"/>
                  </a:lnTo>
                  <a:lnTo>
                    <a:pt x="1268" y="337"/>
                  </a:lnTo>
                  <a:lnTo>
                    <a:pt x="1282" y="355"/>
                  </a:lnTo>
                  <a:lnTo>
                    <a:pt x="1294" y="372"/>
                  </a:lnTo>
                  <a:lnTo>
                    <a:pt x="1305" y="392"/>
                  </a:lnTo>
                  <a:lnTo>
                    <a:pt x="1316" y="409"/>
                  </a:lnTo>
                  <a:lnTo>
                    <a:pt x="1326" y="430"/>
                  </a:lnTo>
                  <a:lnTo>
                    <a:pt x="1335" y="449"/>
                  </a:lnTo>
                  <a:lnTo>
                    <a:pt x="1344" y="470"/>
                  </a:lnTo>
                  <a:lnTo>
                    <a:pt x="1351" y="492"/>
                  </a:lnTo>
                  <a:lnTo>
                    <a:pt x="1359" y="513"/>
                  </a:lnTo>
                  <a:lnTo>
                    <a:pt x="1365" y="535"/>
                  </a:lnTo>
                  <a:lnTo>
                    <a:pt x="1369" y="558"/>
                  </a:lnTo>
                  <a:lnTo>
                    <a:pt x="1374" y="581"/>
                  </a:lnTo>
                  <a:lnTo>
                    <a:pt x="1374" y="581"/>
                  </a:lnTo>
                  <a:lnTo>
                    <a:pt x="1409" y="558"/>
                  </a:lnTo>
                  <a:lnTo>
                    <a:pt x="1445" y="537"/>
                  </a:lnTo>
                  <a:lnTo>
                    <a:pt x="1483" y="518"/>
                  </a:lnTo>
                  <a:lnTo>
                    <a:pt x="1522" y="501"/>
                  </a:lnTo>
                  <a:lnTo>
                    <a:pt x="1522" y="501"/>
                  </a:lnTo>
                  <a:lnTo>
                    <a:pt x="1515" y="475"/>
                  </a:lnTo>
                  <a:lnTo>
                    <a:pt x="1506" y="448"/>
                  </a:lnTo>
                  <a:lnTo>
                    <a:pt x="1497" y="423"/>
                  </a:lnTo>
                  <a:lnTo>
                    <a:pt x="1486" y="398"/>
                  </a:lnTo>
                  <a:lnTo>
                    <a:pt x="1475" y="372"/>
                  </a:lnTo>
                  <a:lnTo>
                    <a:pt x="1463" y="349"/>
                  </a:lnTo>
                  <a:lnTo>
                    <a:pt x="1449" y="325"/>
                  </a:lnTo>
                  <a:lnTo>
                    <a:pt x="1436" y="301"/>
                  </a:lnTo>
                  <a:lnTo>
                    <a:pt x="1420" y="279"/>
                  </a:lnTo>
                  <a:lnTo>
                    <a:pt x="1405" y="258"/>
                  </a:lnTo>
                  <a:lnTo>
                    <a:pt x="1389" y="237"/>
                  </a:lnTo>
                  <a:lnTo>
                    <a:pt x="1371" y="217"/>
                  </a:lnTo>
                  <a:lnTo>
                    <a:pt x="1353" y="197"/>
                  </a:lnTo>
                  <a:lnTo>
                    <a:pt x="1334" y="178"/>
                  </a:lnTo>
                  <a:lnTo>
                    <a:pt x="1314" y="160"/>
                  </a:lnTo>
                  <a:lnTo>
                    <a:pt x="1294" y="142"/>
                  </a:lnTo>
                  <a:lnTo>
                    <a:pt x="1273" y="126"/>
                  </a:lnTo>
                  <a:lnTo>
                    <a:pt x="1252" y="111"/>
                  </a:lnTo>
                  <a:lnTo>
                    <a:pt x="1230" y="96"/>
                  </a:lnTo>
                  <a:lnTo>
                    <a:pt x="1208" y="83"/>
                  </a:lnTo>
                  <a:lnTo>
                    <a:pt x="1184" y="70"/>
                  </a:lnTo>
                  <a:lnTo>
                    <a:pt x="1160" y="59"/>
                  </a:lnTo>
                  <a:lnTo>
                    <a:pt x="1136" y="47"/>
                  </a:lnTo>
                  <a:lnTo>
                    <a:pt x="1111" y="39"/>
                  </a:lnTo>
                  <a:lnTo>
                    <a:pt x="1086" y="30"/>
                  </a:lnTo>
                  <a:lnTo>
                    <a:pt x="1059" y="22"/>
                  </a:lnTo>
                  <a:lnTo>
                    <a:pt x="1034" y="15"/>
                  </a:lnTo>
                  <a:lnTo>
                    <a:pt x="1007" y="10"/>
                  </a:lnTo>
                  <a:lnTo>
                    <a:pt x="981" y="6"/>
                  </a:lnTo>
                  <a:lnTo>
                    <a:pt x="952" y="3"/>
                  </a:lnTo>
                  <a:lnTo>
                    <a:pt x="926" y="1"/>
                  </a:lnTo>
                  <a:lnTo>
                    <a:pt x="897" y="0"/>
                  </a:lnTo>
                  <a:lnTo>
                    <a:pt x="897" y="0"/>
                  </a:lnTo>
                  <a:lnTo>
                    <a:pt x="863" y="1"/>
                  </a:lnTo>
                  <a:lnTo>
                    <a:pt x="831" y="4"/>
                  </a:lnTo>
                  <a:lnTo>
                    <a:pt x="800" y="9"/>
                  </a:lnTo>
                  <a:lnTo>
                    <a:pt x="767" y="15"/>
                  </a:lnTo>
                  <a:lnTo>
                    <a:pt x="736" y="22"/>
                  </a:lnTo>
                  <a:lnTo>
                    <a:pt x="705" y="31"/>
                  </a:lnTo>
                  <a:lnTo>
                    <a:pt x="675" y="42"/>
                  </a:lnTo>
                  <a:lnTo>
                    <a:pt x="645" y="53"/>
                  </a:lnTo>
                  <a:lnTo>
                    <a:pt x="617" y="67"/>
                  </a:lnTo>
                  <a:lnTo>
                    <a:pt x="589" y="82"/>
                  </a:lnTo>
                  <a:lnTo>
                    <a:pt x="562" y="98"/>
                  </a:lnTo>
                  <a:lnTo>
                    <a:pt x="536" y="116"/>
                  </a:lnTo>
                  <a:lnTo>
                    <a:pt x="510" y="133"/>
                  </a:lnTo>
                  <a:lnTo>
                    <a:pt x="487" y="154"/>
                  </a:lnTo>
                  <a:lnTo>
                    <a:pt x="463" y="175"/>
                  </a:lnTo>
                  <a:lnTo>
                    <a:pt x="441" y="197"/>
                  </a:lnTo>
                  <a:lnTo>
                    <a:pt x="418" y="221"/>
                  </a:lnTo>
                  <a:lnTo>
                    <a:pt x="399" y="245"/>
                  </a:lnTo>
                  <a:lnTo>
                    <a:pt x="380" y="270"/>
                  </a:lnTo>
                  <a:lnTo>
                    <a:pt x="362" y="297"/>
                  </a:lnTo>
                  <a:lnTo>
                    <a:pt x="344" y="325"/>
                  </a:lnTo>
                  <a:lnTo>
                    <a:pt x="329" y="353"/>
                  </a:lnTo>
                  <a:lnTo>
                    <a:pt x="314" y="381"/>
                  </a:lnTo>
                  <a:lnTo>
                    <a:pt x="301" y="411"/>
                  </a:lnTo>
                  <a:lnTo>
                    <a:pt x="291" y="442"/>
                  </a:lnTo>
                  <a:lnTo>
                    <a:pt x="280" y="473"/>
                  </a:lnTo>
                  <a:lnTo>
                    <a:pt x="271" y="504"/>
                  </a:lnTo>
                  <a:lnTo>
                    <a:pt x="264" y="537"/>
                  </a:lnTo>
                  <a:lnTo>
                    <a:pt x="258" y="570"/>
                  </a:lnTo>
                  <a:lnTo>
                    <a:pt x="254" y="604"/>
                  </a:lnTo>
                  <a:lnTo>
                    <a:pt x="252" y="638"/>
                  </a:lnTo>
                  <a:lnTo>
                    <a:pt x="251" y="672"/>
                  </a:lnTo>
                  <a:lnTo>
                    <a:pt x="251" y="672"/>
                  </a:lnTo>
                  <a:lnTo>
                    <a:pt x="252" y="719"/>
                  </a:lnTo>
                  <a:lnTo>
                    <a:pt x="257" y="764"/>
                  </a:lnTo>
                  <a:lnTo>
                    <a:pt x="264" y="810"/>
                  </a:lnTo>
                  <a:lnTo>
                    <a:pt x="274" y="854"/>
                  </a:lnTo>
                  <a:lnTo>
                    <a:pt x="288" y="897"/>
                  </a:lnTo>
                  <a:lnTo>
                    <a:pt x="304" y="939"/>
                  </a:lnTo>
                  <a:lnTo>
                    <a:pt x="323" y="980"/>
                  </a:lnTo>
                  <a:lnTo>
                    <a:pt x="344" y="1021"/>
                  </a:lnTo>
                  <a:lnTo>
                    <a:pt x="344" y="1021"/>
                  </a:lnTo>
                  <a:lnTo>
                    <a:pt x="303" y="1050"/>
                  </a:lnTo>
                  <a:lnTo>
                    <a:pt x="263" y="1081"/>
                  </a:lnTo>
                  <a:lnTo>
                    <a:pt x="225" y="1114"/>
                  </a:lnTo>
                  <a:lnTo>
                    <a:pt x="191" y="1150"/>
                  </a:lnTo>
                  <a:lnTo>
                    <a:pt x="160" y="1188"/>
                  </a:lnTo>
                  <a:lnTo>
                    <a:pt x="132" y="1227"/>
                  </a:lnTo>
                  <a:lnTo>
                    <a:pt x="105" y="1268"/>
                  </a:lnTo>
                  <a:lnTo>
                    <a:pt x="83" y="1313"/>
                  </a:lnTo>
                  <a:lnTo>
                    <a:pt x="62" y="1357"/>
                  </a:lnTo>
                  <a:lnTo>
                    <a:pt x="45" y="1405"/>
                  </a:lnTo>
                  <a:lnTo>
                    <a:pt x="30" y="1452"/>
                  </a:lnTo>
                  <a:lnTo>
                    <a:pt x="18" y="1503"/>
                  </a:lnTo>
                  <a:lnTo>
                    <a:pt x="9" y="1555"/>
                  </a:lnTo>
                  <a:lnTo>
                    <a:pt x="3" y="1608"/>
                  </a:lnTo>
                  <a:lnTo>
                    <a:pt x="0" y="1663"/>
                  </a:lnTo>
                  <a:lnTo>
                    <a:pt x="0" y="1719"/>
                  </a:lnTo>
                  <a:lnTo>
                    <a:pt x="3" y="1792"/>
                  </a:lnTo>
                  <a:lnTo>
                    <a:pt x="924" y="1792"/>
                  </a:lnTo>
                  <a:lnTo>
                    <a:pt x="924" y="1792"/>
                  </a:lnTo>
                  <a:lnTo>
                    <a:pt x="939" y="1771"/>
                  </a:lnTo>
                  <a:lnTo>
                    <a:pt x="955" y="1752"/>
                  </a:lnTo>
                  <a:lnTo>
                    <a:pt x="989" y="1713"/>
                  </a:lnTo>
                  <a:lnTo>
                    <a:pt x="1028" y="1678"/>
                  </a:lnTo>
                  <a:lnTo>
                    <a:pt x="1067" y="1644"/>
                  </a:lnTo>
                  <a:lnTo>
                    <a:pt x="1067" y="164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62" name="Freeform 7">
              <a:extLst>
                <a:ext uri="{FF2B5EF4-FFF2-40B4-BE49-F238E27FC236}">
                  <a16:creationId xmlns:a16="http://schemas.microsoft.com/office/drawing/2014/main" id="{F1C4DDCE-C83F-4993-B36C-346D101FD372}"/>
                </a:ext>
              </a:extLst>
            </p:cNvPr>
            <p:cNvSpPr>
              <a:spLocks/>
            </p:cNvSpPr>
            <p:nvPr/>
          </p:nvSpPr>
          <p:spPr bwMode="auto">
            <a:xfrm>
              <a:off x="1954" y="2112"/>
              <a:ext cx="1792" cy="642"/>
            </a:xfrm>
            <a:custGeom>
              <a:avLst/>
              <a:gdLst>
                <a:gd name="T0" fmla="*/ 1328 w 1792"/>
                <a:gd name="T1" fmla="*/ 18 h 642"/>
                <a:gd name="T2" fmla="*/ 1319 w 1792"/>
                <a:gd name="T3" fmla="*/ 13 h 642"/>
                <a:gd name="T4" fmla="*/ 1313 w 1792"/>
                <a:gd name="T5" fmla="*/ 18 h 642"/>
                <a:gd name="T6" fmla="*/ 1269 w 1792"/>
                <a:gd name="T7" fmla="*/ 47 h 642"/>
                <a:gd name="T8" fmla="*/ 1223 w 1792"/>
                <a:gd name="T9" fmla="*/ 74 h 642"/>
                <a:gd name="T10" fmla="*/ 1174 w 1792"/>
                <a:gd name="T11" fmla="*/ 96 h 642"/>
                <a:gd name="T12" fmla="*/ 1123 w 1792"/>
                <a:gd name="T13" fmla="*/ 115 h 642"/>
                <a:gd name="T14" fmla="*/ 1071 w 1792"/>
                <a:gd name="T15" fmla="*/ 132 h 642"/>
                <a:gd name="T16" fmla="*/ 1016 w 1792"/>
                <a:gd name="T17" fmla="*/ 142 h 642"/>
                <a:gd name="T18" fmla="*/ 962 w 1792"/>
                <a:gd name="T19" fmla="*/ 150 h 642"/>
                <a:gd name="T20" fmla="*/ 904 w 1792"/>
                <a:gd name="T21" fmla="*/ 151 h 642"/>
                <a:gd name="T22" fmla="*/ 876 w 1792"/>
                <a:gd name="T23" fmla="*/ 151 h 642"/>
                <a:gd name="T24" fmla="*/ 819 w 1792"/>
                <a:gd name="T25" fmla="*/ 147 h 642"/>
                <a:gd name="T26" fmla="*/ 764 w 1792"/>
                <a:gd name="T27" fmla="*/ 138 h 642"/>
                <a:gd name="T28" fmla="*/ 711 w 1792"/>
                <a:gd name="T29" fmla="*/ 124 h 642"/>
                <a:gd name="T30" fmla="*/ 659 w 1792"/>
                <a:gd name="T31" fmla="*/ 107 h 642"/>
                <a:gd name="T32" fmla="*/ 610 w 1792"/>
                <a:gd name="T33" fmla="*/ 86 h 642"/>
                <a:gd name="T34" fmla="*/ 563 w 1792"/>
                <a:gd name="T35" fmla="*/ 61 h 642"/>
                <a:gd name="T36" fmla="*/ 517 w 1792"/>
                <a:gd name="T37" fmla="*/ 32 h 642"/>
                <a:gd name="T38" fmla="*/ 496 w 1792"/>
                <a:gd name="T39" fmla="*/ 18 h 642"/>
                <a:gd name="T40" fmla="*/ 438 w 1792"/>
                <a:gd name="T41" fmla="*/ 18 h 642"/>
                <a:gd name="T42" fmla="*/ 396 w 1792"/>
                <a:gd name="T43" fmla="*/ 37 h 642"/>
                <a:gd name="T44" fmla="*/ 310 w 1792"/>
                <a:gd name="T45" fmla="*/ 86 h 642"/>
                <a:gd name="T46" fmla="*/ 233 w 1792"/>
                <a:gd name="T47" fmla="*/ 144 h 642"/>
                <a:gd name="T48" fmla="*/ 168 w 1792"/>
                <a:gd name="T49" fmla="*/ 209 h 642"/>
                <a:gd name="T50" fmla="*/ 112 w 1792"/>
                <a:gd name="T51" fmla="*/ 283 h 642"/>
                <a:gd name="T52" fmla="*/ 67 w 1792"/>
                <a:gd name="T53" fmla="*/ 363 h 642"/>
                <a:gd name="T54" fmla="*/ 34 w 1792"/>
                <a:gd name="T55" fmla="*/ 449 h 642"/>
                <a:gd name="T56" fmla="*/ 12 w 1792"/>
                <a:gd name="T57" fmla="*/ 543 h 642"/>
                <a:gd name="T58" fmla="*/ 0 w 1792"/>
                <a:gd name="T59" fmla="*/ 642 h 642"/>
                <a:gd name="T60" fmla="*/ 1792 w 1792"/>
                <a:gd name="T61" fmla="*/ 642 h 642"/>
                <a:gd name="T62" fmla="*/ 1783 w 1792"/>
                <a:gd name="T63" fmla="*/ 580 h 642"/>
                <a:gd name="T64" fmla="*/ 1770 w 1792"/>
                <a:gd name="T65" fmla="*/ 520 h 642"/>
                <a:gd name="T66" fmla="*/ 1754 w 1792"/>
                <a:gd name="T67" fmla="*/ 465 h 642"/>
                <a:gd name="T68" fmla="*/ 1734 w 1792"/>
                <a:gd name="T69" fmla="*/ 414 h 642"/>
                <a:gd name="T70" fmla="*/ 1712 w 1792"/>
                <a:gd name="T71" fmla="*/ 366 h 642"/>
                <a:gd name="T72" fmla="*/ 1688 w 1792"/>
                <a:gd name="T73" fmla="*/ 322 h 642"/>
                <a:gd name="T74" fmla="*/ 1662 w 1792"/>
                <a:gd name="T75" fmla="*/ 280 h 642"/>
                <a:gd name="T76" fmla="*/ 1602 w 1792"/>
                <a:gd name="T77" fmla="*/ 207 h 642"/>
                <a:gd name="T78" fmla="*/ 1537 w 1792"/>
                <a:gd name="T79" fmla="*/ 145 h 642"/>
                <a:gd name="T80" fmla="*/ 1469 w 1792"/>
                <a:gd name="T81" fmla="*/ 95 h 642"/>
                <a:gd name="T82" fmla="*/ 1402 w 1792"/>
                <a:gd name="T83" fmla="*/ 55 h 642"/>
                <a:gd name="T84" fmla="*/ 1368 w 1792"/>
                <a:gd name="T85" fmla="*/ 37 h 6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792" h="642">
                  <a:moveTo>
                    <a:pt x="1368" y="37"/>
                  </a:moveTo>
                  <a:lnTo>
                    <a:pt x="1328" y="18"/>
                  </a:lnTo>
                  <a:lnTo>
                    <a:pt x="1319" y="13"/>
                  </a:lnTo>
                  <a:lnTo>
                    <a:pt x="1319" y="13"/>
                  </a:lnTo>
                  <a:lnTo>
                    <a:pt x="1313" y="18"/>
                  </a:lnTo>
                  <a:lnTo>
                    <a:pt x="1313" y="18"/>
                  </a:lnTo>
                  <a:lnTo>
                    <a:pt x="1291" y="32"/>
                  </a:lnTo>
                  <a:lnTo>
                    <a:pt x="1269" y="47"/>
                  </a:lnTo>
                  <a:lnTo>
                    <a:pt x="1246" y="61"/>
                  </a:lnTo>
                  <a:lnTo>
                    <a:pt x="1223" y="74"/>
                  </a:lnTo>
                  <a:lnTo>
                    <a:pt x="1199" y="86"/>
                  </a:lnTo>
                  <a:lnTo>
                    <a:pt x="1174" y="96"/>
                  </a:lnTo>
                  <a:lnTo>
                    <a:pt x="1149" y="107"/>
                  </a:lnTo>
                  <a:lnTo>
                    <a:pt x="1123" y="115"/>
                  </a:lnTo>
                  <a:lnTo>
                    <a:pt x="1097" y="124"/>
                  </a:lnTo>
                  <a:lnTo>
                    <a:pt x="1071" y="132"/>
                  </a:lnTo>
                  <a:lnTo>
                    <a:pt x="1043" y="138"/>
                  </a:lnTo>
                  <a:lnTo>
                    <a:pt x="1016" y="142"/>
                  </a:lnTo>
                  <a:lnTo>
                    <a:pt x="990" y="147"/>
                  </a:lnTo>
                  <a:lnTo>
                    <a:pt x="962" y="150"/>
                  </a:lnTo>
                  <a:lnTo>
                    <a:pt x="933" y="151"/>
                  </a:lnTo>
                  <a:lnTo>
                    <a:pt x="904" y="151"/>
                  </a:lnTo>
                  <a:lnTo>
                    <a:pt x="904" y="151"/>
                  </a:lnTo>
                  <a:lnTo>
                    <a:pt x="876" y="151"/>
                  </a:lnTo>
                  <a:lnTo>
                    <a:pt x="847" y="150"/>
                  </a:lnTo>
                  <a:lnTo>
                    <a:pt x="819" y="147"/>
                  </a:lnTo>
                  <a:lnTo>
                    <a:pt x="792" y="142"/>
                  </a:lnTo>
                  <a:lnTo>
                    <a:pt x="764" y="138"/>
                  </a:lnTo>
                  <a:lnTo>
                    <a:pt x="738" y="132"/>
                  </a:lnTo>
                  <a:lnTo>
                    <a:pt x="711" y="124"/>
                  </a:lnTo>
                  <a:lnTo>
                    <a:pt x="686" y="115"/>
                  </a:lnTo>
                  <a:lnTo>
                    <a:pt x="659" y="107"/>
                  </a:lnTo>
                  <a:lnTo>
                    <a:pt x="635" y="96"/>
                  </a:lnTo>
                  <a:lnTo>
                    <a:pt x="610" y="86"/>
                  </a:lnTo>
                  <a:lnTo>
                    <a:pt x="586" y="74"/>
                  </a:lnTo>
                  <a:lnTo>
                    <a:pt x="563" y="61"/>
                  </a:lnTo>
                  <a:lnTo>
                    <a:pt x="539" y="47"/>
                  </a:lnTo>
                  <a:lnTo>
                    <a:pt x="517" y="32"/>
                  </a:lnTo>
                  <a:lnTo>
                    <a:pt x="496" y="18"/>
                  </a:lnTo>
                  <a:lnTo>
                    <a:pt x="496" y="18"/>
                  </a:lnTo>
                  <a:lnTo>
                    <a:pt x="472" y="0"/>
                  </a:lnTo>
                  <a:lnTo>
                    <a:pt x="438" y="18"/>
                  </a:lnTo>
                  <a:lnTo>
                    <a:pt x="396" y="37"/>
                  </a:lnTo>
                  <a:lnTo>
                    <a:pt x="396" y="37"/>
                  </a:lnTo>
                  <a:lnTo>
                    <a:pt x="352" y="61"/>
                  </a:lnTo>
                  <a:lnTo>
                    <a:pt x="310" y="86"/>
                  </a:lnTo>
                  <a:lnTo>
                    <a:pt x="270" y="114"/>
                  </a:lnTo>
                  <a:lnTo>
                    <a:pt x="233" y="144"/>
                  </a:lnTo>
                  <a:lnTo>
                    <a:pt x="199" y="176"/>
                  </a:lnTo>
                  <a:lnTo>
                    <a:pt x="168" y="209"/>
                  </a:lnTo>
                  <a:lnTo>
                    <a:pt x="138" y="244"/>
                  </a:lnTo>
                  <a:lnTo>
                    <a:pt x="112" y="283"/>
                  </a:lnTo>
                  <a:lnTo>
                    <a:pt x="88" y="322"/>
                  </a:lnTo>
                  <a:lnTo>
                    <a:pt x="67" y="363"/>
                  </a:lnTo>
                  <a:lnTo>
                    <a:pt x="49" y="405"/>
                  </a:lnTo>
                  <a:lnTo>
                    <a:pt x="34" y="449"/>
                  </a:lnTo>
                  <a:lnTo>
                    <a:pt x="21" y="495"/>
                  </a:lnTo>
                  <a:lnTo>
                    <a:pt x="12" y="543"/>
                  </a:lnTo>
                  <a:lnTo>
                    <a:pt x="5" y="592"/>
                  </a:lnTo>
                  <a:lnTo>
                    <a:pt x="0" y="642"/>
                  </a:lnTo>
                  <a:lnTo>
                    <a:pt x="1792" y="642"/>
                  </a:lnTo>
                  <a:lnTo>
                    <a:pt x="1792" y="642"/>
                  </a:lnTo>
                  <a:lnTo>
                    <a:pt x="1788" y="611"/>
                  </a:lnTo>
                  <a:lnTo>
                    <a:pt x="1783" y="580"/>
                  </a:lnTo>
                  <a:lnTo>
                    <a:pt x="1778" y="549"/>
                  </a:lnTo>
                  <a:lnTo>
                    <a:pt x="1770" y="520"/>
                  </a:lnTo>
                  <a:lnTo>
                    <a:pt x="1763" y="492"/>
                  </a:lnTo>
                  <a:lnTo>
                    <a:pt x="1754" y="465"/>
                  </a:lnTo>
                  <a:lnTo>
                    <a:pt x="1745" y="439"/>
                  </a:lnTo>
                  <a:lnTo>
                    <a:pt x="1734" y="414"/>
                  </a:lnTo>
                  <a:lnTo>
                    <a:pt x="1724" y="390"/>
                  </a:lnTo>
                  <a:lnTo>
                    <a:pt x="1712" y="366"/>
                  </a:lnTo>
                  <a:lnTo>
                    <a:pt x="1700" y="342"/>
                  </a:lnTo>
                  <a:lnTo>
                    <a:pt x="1688" y="322"/>
                  </a:lnTo>
                  <a:lnTo>
                    <a:pt x="1675" y="301"/>
                  </a:lnTo>
                  <a:lnTo>
                    <a:pt x="1662" y="280"/>
                  </a:lnTo>
                  <a:lnTo>
                    <a:pt x="1632" y="242"/>
                  </a:lnTo>
                  <a:lnTo>
                    <a:pt x="1602" y="207"/>
                  </a:lnTo>
                  <a:lnTo>
                    <a:pt x="1570" y="175"/>
                  </a:lnTo>
                  <a:lnTo>
                    <a:pt x="1537" y="145"/>
                  </a:lnTo>
                  <a:lnTo>
                    <a:pt x="1503" y="118"/>
                  </a:lnTo>
                  <a:lnTo>
                    <a:pt x="1469" y="95"/>
                  </a:lnTo>
                  <a:lnTo>
                    <a:pt x="1435" y="74"/>
                  </a:lnTo>
                  <a:lnTo>
                    <a:pt x="1402" y="55"/>
                  </a:lnTo>
                  <a:lnTo>
                    <a:pt x="1368" y="37"/>
                  </a:lnTo>
                  <a:lnTo>
                    <a:pt x="1368" y="3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63" name="Freeform 8">
              <a:extLst>
                <a:ext uri="{FF2B5EF4-FFF2-40B4-BE49-F238E27FC236}">
                  <a16:creationId xmlns:a16="http://schemas.microsoft.com/office/drawing/2014/main" id="{ACB82315-4012-4607-B84F-7E1F52760866}"/>
                </a:ext>
              </a:extLst>
            </p:cNvPr>
            <p:cNvSpPr>
              <a:spLocks/>
            </p:cNvSpPr>
            <p:nvPr/>
          </p:nvSpPr>
          <p:spPr bwMode="auto">
            <a:xfrm>
              <a:off x="2150" y="1004"/>
              <a:ext cx="1417" cy="544"/>
            </a:xfrm>
            <a:custGeom>
              <a:avLst/>
              <a:gdLst>
                <a:gd name="T0" fmla="*/ 275 w 1417"/>
                <a:gd name="T1" fmla="*/ 191 h 544"/>
                <a:gd name="T2" fmla="*/ 245 w 1417"/>
                <a:gd name="T3" fmla="*/ 227 h 544"/>
                <a:gd name="T4" fmla="*/ 230 w 1417"/>
                <a:gd name="T5" fmla="*/ 247 h 544"/>
                <a:gd name="T6" fmla="*/ 203 w 1417"/>
                <a:gd name="T7" fmla="*/ 292 h 544"/>
                <a:gd name="T8" fmla="*/ 181 w 1417"/>
                <a:gd name="T9" fmla="*/ 338 h 544"/>
                <a:gd name="T10" fmla="*/ 165 w 1417"/>
                <a:gd name="T11" fmla="*/ 385 h 544"/>
                <a:gd name="T12" fmla="*/ 157 w 1417"/>
                <a:gd name="T13" fmla="*/ 411 h 544"/>
                <a:gd name="T14" fmla="*/ 151 w 1417"/>
                <a:gd name="T15" fmla="*/ 428 h 544"/>
                <a:gd name="T16" fmla="*/ 141 w 1417"/>
                <a:gd name="T17" fmla="*/ 443 h 544"/>
                <a:gd name="T18" fmla="*/ 128 w 1417"/>
                <a:gd name="T19" fmla="*/ 454 h 544"/>
                <a:gd name="T20" fmla="*/ 110 w 1417"/>
                <a:gd name="T21" fmla="*/ 461 h 544"/>
                <a:gd name="T22" fmla="*/ 88 w 1417"/>
                <a:gd name="T23" fmla="*/ 467 h 544"/>
                <a:gd name="T24" fmla="*/ 64 w 1417"/>
                <a:gd name="T25" fmla="*/ 471 h 544"/>
                <a:gd name="T26" fmla="*/ 33 w 1417"/>
                <a:gd name="T27" fmla="*/ 479 h 544"/>
                <a:gd name="T28" fmla="*/ 11 w 1417"/>
                <a:gd name="T29" fmla="*/ 492 h 544"/>
                <a:gd name="T30" fmla="*/ 2 w 1417"/>
                <a:gd name="T31" fmla="*/ 514 h 544"/>
                <a:gd name="T32" fmla="*/ 2 w 1417"/>
                <a:gd name="T33" fmla="*/ 543 h 544"/>
                <a:gd name="T34" fmla="*/ 165 w 1417"/>
                <a:gd name="T35" fmla="*/ 543 h 544"/>
                <a:gd name="T36" fmla="*/ 1251 w 1417"/>
                <a:gd name="T37" fmla="*/ 544 h 544"/>
                <a:gd name="T38" fmla="*/ 1251 w 1417"/>
                <a:gd name="T39" fmla="*/ 543 h 544"/>
                <a:gd name="T40" fmla="*/ 1415 w 1417"/>
                <a:gd name="T41" fmla="*/ 543 h 544"/>
                <a:gd name="T42" fmla="*/ 1417 w 1417"/>
                <a:gd name="T43" fmla="*/ 526 h 544"/>
                <a:gd name="T44" fmla="*/ 1414 w 1417"/>
                <a:gd name="T45" fmla="*/ 511 h 544"/>
                <a:gd name="T46" fmla="*/ 1409 w 1417"/>
                <a:gd name="T47" fmla="*/ 500 h 544"/>
                <a:gd name="T48" fmla="*/ 1401 w 1417"/>
                <a:gd name="T49" fmla="*/ 489 h 544"/>
                <a:gd name="T50" fmla="*/ 1392 w 1417"/>
                <a:gd name="T51" fmla="*/ 483 h 544"/>
                <a:gd name="T52" fmla="*/ 1368 w 1417"/>
                <a:gd name="T53" fmla="*/ 474 h 544"/>
                <a:gd name="T54" fmla="*/ 1352 w 1417"/>
                <a:gd name="T55" fmla="*/ 471 h 544"/>
                <a:gd name="T56" fmla="*/ 1307 w 1417"/>
                <a:gd name="T57" fmla="*/ 461 h 544"/>
                <a:gd name="T58" fmla="*/ 1297 w 1417"/>
                <a:gd name="T59" fmla="*/ 458 h 544"/>
                <a:gd name="T60" fmla="*/ 1282 w 1417"/>
                <a:gd name="T61" fmla="*/ 449 h 544"/>
                <a:gd name="T62" fmla="*/ 1270 w 1417"/>
                <a:gd name="T63" fmla="*/ 436 h 544"/>
                <a:gd name="T64" fmla="*/ 1263 w 1417"/>
                <a:gd name="T65" fmla="*/ 419 h 544"/>
                <a:gd name="T66" fmla="*/ 1260 w 1417"/>
                <a:gd name="T67" fmla="*/ 411 h 544"/>
                <a:gd name="T68" fmla="*/ 1243 w 1417"/>
                <a:gd name="T69" fmla="*/ 362 h 544"/>
                <a:gd name="T70" fmla="*/ 1224 w 1417"/>
                <a:gd name="T71" fmla="*/ 314 h 544"/>
                <a:gd name="T72" fmla="*/ 1200 w 1417"/>
                <a:gd name="T73" fmla="*/ 270 h 544"/>
                <a:gd name="T74" fmla="*/ 1172 w 1417"/>
                <a:gd name="T75" fmla="*/ 227 h 544"/>
                <a:gd name="T76" fmla="*/ 1156 w 1417"/>
                <a:gd name="T77" fmla="*/ 207 h 544"/>
                <a:gd name="T78" fmla="*/ 1128 w 1417"/>
                <a:gd name="T79" fmla="*/ 175 h 544"/>
                <a:gd name="T80" fmla="*/ 1096 w 1417"/>
                <a:gd name="T81" fmla="*/ 144 h 544"/>
                <a:gd name="T82" fmla="*/ 1062 w 1417"/>
                <a:gd name="T83" fmla="*/ 114 h 544"/>
                <a:gd name="T84" fmla="*/ 1025 w 1417"/>
                <a:gd name="T85" fmla="*/ 89 h 544"/>
                <a:gd name="T86" fmla="*/ 985 w 1417"/>
                <a:gd name="T87" fmla="*/ 65 h 544"/>
                <a:gd name="T88" fmla="*/ 944 w 1417"/>
                <a:gd name="T89" fmla="*/ 44 h 544"/>
                <a:gd name="T90" fmla="*/ 901 w 1417"/>
                <a:gd name="T91" fmla="*/ 28 h 544"/>
                <a:gd name="T92" fmla="*/ 856 w 1417"/>
                <a:gd name="T93" fmla="*/ 16 h 544"/>
                <a:gd name="T94" fmla="*/ 819 w 1417"/>
                <a:gd name="T95" fmla="*/ 9 h 544"/>
                <a:gd name="T96" fmla="*/ 745 w 1417"/>
                <a:gd name="T97" fmla="*/ 0 h 544"/>
                <a:gd name="T98" fmla="*/ 708 w 1417"/>
                <a:gd name="T99" fmla="*/ 0 h 544"/>
                <a:gd name="T100" fmla="*/ 635 w 1417"/>
                <a:gd name="T101" fmla="*/ 3 h 544"/>
                <a:gd name="T102" fmla="*/ 561 w 1417"/>
                <a:gd name="T103" fmla="*/ 16 h 544"/>
                <a:gd name="T104" fmla="*/ 537 w 1417"/>
                <a:gd name="T105" fmla="*/ 20 h 544"/>
                <a:gd name="T106" fmla="*/ 494 w 1417"/>
                <a:gd name="T107" fmla="*/ 35 h 544"/>
                <a:gd name="T108" fmla="*/ 451 w 1417"/>
                <a:gd name="T109" fmla="*/ 55 h 544"/>
                <a:gd name="T110" fmla="*/ 392 w 1417"/>
                <a:gd name="T111" fmla="*/ 89 h 544"/>
                <a:gd name="T112" fmla="*/ 359 w 1417"/>
                <a:gd name="T113" fmla="*/ 111 h 544"/>
                <a:gd name="T114" fmla="*/ 300 w 1417"/>
                <a:gd name="T115" fmla="*/ 161 h 544"/>
                <a:gd name="T116" fmla="*/ 275 w 1417"/>
                <a:gd name="T117" fmla="*/ 191 h 5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417" h="544">
                  <a:moveTo>
                    <a:pt x="275" y="191"/>
                  </a:moveTo>
                  <a:lnTo>
                    <a:pt x="275" y="191"/>
                  </a:lnTo>
                  <a:lnTo>
                    <a:pt x="260" y="207"/>
                  </a:lnTo>
                  <a:lnTo>
                    <a:pt x="245" y="227"/>
                  </a:lnTo>
                  <a:lnTo>
                    <a:pt x="245" y="227"/>
                  </a:lnTo>
                  <a:lnTo>
                    <a:pt x="230" y="247"/>
                  </a:lnTo>
                  <a:lnTo>
                    <a:pt x="217" y="270"/>
                  </a:lnTo>
                  <a:lnTo>
                    <a:pt x="203" y="292"/>
                  </a:lnTo>
                  <a:lnTo>
                    <a:pt x="193" y="314"/>
                  </a:lnTo>
                  <a:lnTo>
                    <a:pt x="181" y="338"/>
                  </a:lnTo>
                  <a:lnTo>
                    <a:pt x="172" y="362"/>
                  </a:lnTo>
                  <a:lnTo>
                    <a:pt x="165" y="385"/>
                  </a:lnTo>
                  <a:lnTo>
                    <a:pt x="157" y="411"/>
                  </a:lnTo>
                  <a:lnTo>
                    <a:pt x="157" y="411"/>
                  </a:lnTo>
                  <a:lnTo>
                    <a:pt x="154" y="419"/>
                  </a:lnTo>
                  <a:lnTo>
                    <a:pt x="151" y="428"/>
                  </a:lnTo>
                  <a:lnTo>
                    <a:pt x="147" y="436"/>
                  </a:lnTo>
                  <a:lnTo>
                    <a:pt x="141" y="443"/>
                  </a:lnTo>
                  <a:lnTo>
                    <a:pt x="135" y="449"/>
                  </a:lnTo>
                  <a:lnTo>
                    <a:pt x="128" y="454"/>
                  </a:lnTo>
                  <a:lnTo>
                    <a:pt x="119" y="458"/>
                  </a:lnTo>
                  <a:lnTo>
                    <a:pt x="110" y="461"/>
                  </a:lnTo>
                  <a:lnTo>
                    <a:pt x="110" y="461"/>
                  </a:lnTo>
                  <a:lnTo>
                    <a:pt x="88" y="467"/>
                  </a:lnTo>
                  <a:lnTo>
                    <a:pt x="64" y="471"/>
                  </a:lnTo>
                  <a:lnTo>
                    <a:pt x="64" y="471"/>
                  </a:lnTo>
                  <a:lnTo>
                    <a:pt x="48" y="474"/>
                  </a:lnTo>
                  <a:lnTo>
                    <a:pt x="33" y="479"/>
                  </a:lnTo>
                  <a:lnTo>
                    <a:pt x="21" y="485"/>
                  </a:lnTo>
                  <a:lnTo>
                    <a:pt x="11" y="492"/>
                  </a:lnTo>
                  <a:lnTo>
                    <a:pt x="5" y="503"/>
                  </a:lnTo>
                  <a:lnTo>
                    <a:pt x="2" y="514"/>
                  </a:lnTo>
                  <a:lnTo>
                    <a:pt x="0" y="528"/>
                  </a:lnTo>
                  <a:lnTo>
                    <a:pt x="2" y="543"/>
                  </a:lnTo>
                  <a:lnTo>
                    <a:pt x="165" y="543"/>
                  </a:lnTo>
                  <a:lnTo>
                    <a:pt x="165" y="543"/>
                  </a:lnTo>
                  <a:lnTo>
                    <a:pt x="165" y="544"/>
                  </a:lnTo>
                  <a:lnTo>
                    <a:pt x="1251" y="544"/>
                  </a:lnTo>
                  <a:lnTo>
                    <a:pt x="1251" y="544"/>
                  </a:lnTo>
                  <a:lnTo>
                    <a:pt x="1251" y="543"/>
                  </a:lnTo>
                  <a:lnTo>
                    <a:pt x="1411" y="543"/>
                  </a:lnTo>
                  <a:lnTo>
                    <a:pt x="1415" y="543"/>
                  </a:lnTo>
                  <a:lnTo>
                    <a:pt x="1415" y="543"/>
                  </a:lnTo>
                  <a:lnTo>
                    <a:pt x="1417" y="526"/>
                  </a:lnTo>
                  <a:lnTo>
                    <a:pt x="1415" y="517"/>
                  </a:lnTo>
                  <a:lnTo>
                    <a:pt x="1414" y="511"/>
                  </a:lnTo>
                  <a:lnTo>
                    <a:pt x="1412" y="504"/>
                  </a:lnTo>
                  <a:lnTo>
                    <a:pt x="1409" y="500"/>
                  </a:lnTo>
                  <a:lnTo>
                    <a:pt x="1405" y="494"/>
                  </a:lnTo>
                  <a:lnTo>
                    <a:pt x="1401" y="489"/>
                  </a:lnTo>
                  <a:lnTo>
                    <a:pt x="1401" y="489"/>
                  </a:lnTo>
                  <a:lnTo>
                    <a:pt x="1392" y="483"/>
                  </a:lnTo>
                  <a:lnTo>
                    <a:pt x="1380" y="477"/>
                  </a:lnTo>
                  <a:lnTo>
                    <a:pt x="1368" y="474"/>
                  </a:lnTo>
                  <a:lnTo>
                    <a:pt x="1352" y="471"/>
                  </a:lnTo>
                  <a:lnTo>
                    <a:pt x="1352" y="471"/>
                  </a:lnTo>
                  <a:lnTo>
                    <a:pt x="1329" y="467"/>
                  </a:lnTo>
                  <a:lnTo>
                    <a:pt x="1307" y="461"/>
                  </a:lnTo>
                  <a:lnTo>
                    <a:pt x="1307" y="461"/>
                  </a:lnTo>
                  <a:lnTo>
                    <a:pt x="1297" y="458"/>
                  </a:lnTo>
                  <a:lnTo>
                    <a:pt x="1289" y="454"/>
                  </a:lnTo>
                  <a:lnTo>
                    <a:pt x="1282" y="449"/>
                  </a:lnTo>
                  <a:lnTo>
                    <a:pt x="1276" y="443"/>
                  </a:lnTo>
                  <a:lnTo>
                    <a:pt x="1270" y="436"/>
                  </a:lnTo>
                  <a:lnTo>
                    <a:pt x="1266" y="428"/>
                  </a:lnTo>
                  <a:lnTo>
                    <a:pt x="1263" y="419"/>
                  </a:lnTo>
                  <a:lnTo>
                    <a:pt x="1260" y="411"/>
                  </a:lnTo>
                  <a:lnTo>
                    <a:pt x="1260" y="411"/>
                  </a:lnTo>
                  <a:lnTo>
                    <a:pt x="1252" y="385"/>
                  </a:lnTo>
                  <a:lnTo>
                    <a:pt x="1243" y="362"/>
                  </a:lnTo>
                  <a:lnTo>
                    <a:pt x="1234" y="338"/>
                  </a:lnTo>
                  <a:lnTo>
                    <a:pt x="1224" y="314"/>
                  </a:lnTo>
                  <a:lnTo>
                    <a:pt x="1212" y="292"/>
                  </a:lnTo>
                  <a:lnTo>
                    <a:pt x="1200" y="270"/>
                  </a:lnTo>
                  <a:lnTo>
                    <a:pt x="1187" y="247"/>
                  </a:lnTo>
                  <a:lnTo>
                    <a:pt x="1172" y="227"/>
                  </a:lnTo>
                  <a:lnTo>
                    <a:pt x="1172" y="227"/>
                  </a:lnTo>
                  <a:lnTo>
                    <a:pt x="1156" y="207"/>
                  </a:lnTo>
                  <a:lnTo>
                    <a:pt x="1156" y="207"/>
                  </a:lnTo>
                  <a:lnTo>
                    <a:pt x="1128" y="175"/>
                  </a:lnTo>
                  <a:lnTo>
                    <a:pt x="1113" y="158"/>
                  </a:lnTo>
                  <a:lnTo>
                    <a:pt x="1096" y="144"/>
                  </a:lnTo>
                  <a:lnTo>
                    <a:pt x="1079" y="129"/>
                  </a:lnTo>
                  <a:lnTo>
                    <a:pt x="1062" y="114"/>
                  </a:lnTo>
                  <a:lnTo>
                    <a:pt x="1044" y="101"/>
                  </a:lnTo>
                  <a:lnTo>
                    <a:pt x="1025" y="89"/>
                  </a:lnTo>
                  <a:lnTo>
                    <a:pt x="1025" y="89"/>
                  </a:lnTo>
                  <a:lnTo>
                    <a:pt x="985" y="65"/>
                  </a:lnTo>
                  <a:lnTo>
                    <a:pt x="964" y="55"/>
                  </a:lnTo>
                  <a:lnTo>
                    <a:pt x="944" y="44"/>
                  </a:lnTo>
                  <a:lnTo>
                    <a:pt x="923" y="35"/>
                  </a:lnTo>
                  <a:lnTo>
                    <a:pt x="901" y="28"/>
                  </a:lnTo>
                  <a:lnTo>
                    <a:pt x="878" y="20"/>
                  </a:lnTo>
                  <a:lnTo>
                    <a:pt x="856" y="16"/>
                  </a:lnTo>
                  <a:lnTo>
                    <a:pt x="856" y="16"/>
                  </a:lnTo>
                  <a:lnTo>
                    <a:pt x="819" y="9"/>
                  </a:lnTo>
                  <a:lnTo>
                    <a:pt x="782" y="3"/>
                  </a:lnTo>
                  <a:lnTo>
                    <a:pt x="745" y="0"/>
                  </a:lnTo>
                  <a:lnTo>
                    <a:pt x="708" y="0"/>
                  </a:lnTo>
                  <a:lnTo>
                    <a:pt x="708" y="0"/>
                  </a:lnTo>
                  <a:lnTo>
                    <a:pt x="672" y="0"/>
                  </a:lnTo>
                  <a:lnTo>
                    <a:pt x="635" y="3"/>
                  </a:lnTo>
                  <a:lnTo>
                    <a:pt x="598" y="9"/>
                  </a:lnTo>
                  <a:lnTo>
                    <a:pt x="561" y="16"/>
                  </a:lnTo>
                  <a:lnTo>
                    <a:pt x="561" y="16"/>
                  </a:lnTo>
                  <a:lnTo>
                    <a:pt x="537" y="20"/>
                  </a:lnTo>
                  <a:lnTo>
                    <a:pt x="516" y="28"/>
                  </a:lnTo>
                  <a:lnTo>
                    <a:pt x="494" y="35"/>
                  </a:lnTo>
                  <a:lnTo>
                    <a:pt x="473" y="44"/>
                  </a:lnTo>
                  <a:lnTo>
                    <a:pt x="451" y="55"/>
                  </a:lnTo>
                  <a:lnTo>
                    <a:pt x="432" y="65"/>
                  </a:lnTo>
                  <a:lnTo>
                    <a:pt x="392" y="89"/>
                  </a:lnTo>
                  <a:lnTo>
                    <a:pt x="392" y="89"/>
                  </a:lnTo>
                  <a:lnTo>
                    <a:pt x="359" y="111"/>
                  </a:lnTo>
                  <a:lnTo>
                    <a:pt x="328" y="136"/>
                  </a:lnTo>
                  <a:lnTo>
                    <a:pt x="300" y="161"/>
                  </a:lnTo>
                  <a:lnTo>
                    <a:pt x="275" y="191"/>
                  </a:lnTo>
                  <a:lnTo>
                    <a:pt x="275" y="19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sp>
          <p:nvSpPr>
            <p:cNvPr id="364" name="Freeform 9">
              <a:extLst>
                <a:ext uri="{FF2B5EF4-FFF2-40B4-BE49-F238E27FC236}">
                  <a16:creationId xmlns:a16="http://schemas.microsoft.com/office/drawing/2014/main" id="{5CF98974-32A3-47D9-BE5A-1429525F3D71}"/>
                </a:ext>
              </a:extLst>
            </p:cNvPr>
            <p:cNvSpPr>
              <a:spLocks/>
            </p:cNvSpPr>
            <p:nvPr/>
          </p:nvSpPr>
          <p:spPr bwMode="auto">
            <a:xfrm>
              <a:off x="2315" y="1600"/>
              <a:ext cx="1086" cy="515"/>
            </a:xfrm>
            <a:custGeom>
              <a:avLst/>
              <a:gdLst>
                <a:gd name="T0" fmla="*/ 543 w 1086"/>
                <a:gd name="T1" fmla="*/ 515 h 515"/>
                <a:gd name="T2" fmla="*/ 598 w 1086"/>
                <a:gd name="T3" fmla="*/ 513 h 515"/>
                <a:gd name="T4" fmla="*/ 650 w 1086"/>
                <a:gd name="T5" fmla="*/ 504 h 515"/>
                <a:gd name="T6" fmla="*/ 700 w 1086"/>
                <a:gd name="T7" fmla="*/ 492 h 515"/>
                <a:gd name="T8" fmla="*/ 749 w 1086"/>
                <a:gd name="T9" fmla="*/ 475 h 515"/>
                <a:gd name="T10" fmla="*/ 795 w 1086"/>
                <a:gd name="T11" fmla="*/ 454 h 515"/>
                <a:gd name="T12" fmla="*/ 839 w 1086"/>
                <a:gd name="T13" fmla="*/ 427 h 515"/>
                <a:gd name="T14" fmla="*/ 879 w 1086"/>
                <a:gd name="T15" fmla="*/ 398 h 515"/>
                <a:gd name="T16" fmla="*/ 918 w 1086"/>
                <a:gd name="T17" fmla="*/ 365 h 515"/>
                <a:gd name="T18" fmla="*/ 954 w 1086"/>
                <a:gd name="T19" fmla="*/ 328 h 515"/>
                <a:gd name="T20" fmla="*/ 985 w 1086"/>
                <a:gd name="T21" fmla="*/ 289 h 515"/>
                <a:gd name="T22" fmla="*/ 1012 w 1086"/>
                <a:gd name="T23" fmla="*/ 246 h 515"/>
                <a:gd name="T24" fmla="*/ 1035 w 1086"/>
                <a:gd name="T25" fmla="*/ 202 h 515"/>
                <a:gd name="T26" fmla="*/ 1056 w 1086"/>
                <a:gd name="T27" fmla="*/ 154 h 515"/>
                <a:gd name="T28" fmla="*/ 1071 w 1086"/>
                <a:gd name="T29" fmla="*/ 104 h 515"/>
                <a:gd name="T30" fmla="*/ 1081 w 1086"/>
                <a:gd name="T31" fmla="*/ 52 h 515"/>
                <a:gd name="T32" fmla="*/ 1086 w 1086"/>
                <a:gd name="T33" fmla="*/ 0 h 515"/>
                <a:gd name="T34" fmla="*/ 0 w 1086"/>
                <a:gd name="T35" fmla="*/ 0 h 515"/>
                <a:gd name="T36" fmla="*/ 6 w 1086"/>
                <a:gd name="T37" fmla="*/ 52 h 515"/>
                <a:gd name="T38" fmla="*/ 16 w 1086"/>
                <a:gd name="T39" fmla="*/ 104 h 515"/>
                <a:gd name="T40" fmla="*/ 31 w 1086"/>
                <a:gd name="T41" fmla="*/ 154 h 515"/>
                <a:gd name="T42" fmla="*/ 50 w 1086"/>
                <a:gd name="T43" fmla="*/ 202 h 515"/>
                <a:gd name="T44" fmla="*/ 74 w 1086"/>
                <a:gd name="T45" fmla="*/ 246 h 515"/>
                <a:gd name="T46" fmla="*/ 102 w 1086"/>
                <a:gd name="T47" fmla="*/ 289 h 515"/>
                <a:gd name="T48" fmla="*/ 133 w 1086"/>
                <a:gd name="T49" fmla="*/ 328 h 515"/>
                <a:gd name="T50" fmla="*/ 169 w 1086"/>
                <a:gd name="T51" fmla="*/ 365 h 515"/>
                <a:gd name="T52" fmla="*/ 206 w 1086"/>
                <a:gd name="T53" fmla="*/ 398 h 515"/>
                <a:gd name="T54" fmla="*/ 248 w 1086"/>
                <a:gd name="T55" fmla="*/ 427 h 515"/>
                <a:gd name="T56" fmla="*/ 292 w 1086"/>
                <a:gd name="T57" fmla="*/ 454 h 515"/>
                <a:gd name="T58" fmla="*/ 338 w 1086"/>
                <a:gd name="T59" fmla="*/ 475 h 515"/>
                <a:gd name="T60" fmla="*/ 387 w 1086"/>
                <a:gd name="T61" fmla="*/ 492 h 515"/>
                <a:gd name="T62" fmla="*/ 437 w 1086"/>
                <a:gd name="T63" fmla="*/ 504 h 515"/>
                <a:gd name="T64" fmla="*/ 489 w 1086"/>
                <a:gd name="T65" fmla="*/ 513 h 515"/>
                <a:gd name="T66" fmla="*/ 543 w 1086"/>
                <a:gd name="T67" fmla="*/ 515 h 5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086" h="515">
                  <a:moveTo>
                    <a:pt x="543" y="515"/>
                  </a:moveTo>
                  <a:lnTo>
                    <a:pt x="543" y="515"/>
                  </a:lnTo>
                  <a:lnTo>
                    <a:pt x="571" y="515"/>
                  </a:lnTo>
                  <a:lnTo>
                    <a:pt x="598" y="513"/>
                  </a:lnTo>
                  <a:lnTo>
                    <a:pt x="623" y="510"/>
                  </a:lnTo>
                  <a:lnTo>
                    <a:pt x="650" y="504"/>
                  </a:lnTo>
                  <a:lnTo>
                    <a:pt x="675" y="500"/>
                  </a:lnTo>
                  <a:lnTo>
                    <a:pt x="700" y="492"/>
                  </a:lnTo>
                  <a:lnTo>
                    <a:pt x="725" y="485"/>
                  </a:lnTo>
                  <a:lnTo>
                    <a:pt x="749" y="475"/>
                  </a:lnTo>
                  <a:lnTo>
                    <a:pt x="773" y="464"/>
                  </a:lnTo>
                  <a:lnTo>
                    <a:pt x="795" y="454"/>
                  </a:lnTo>
                  <a:lnTo>
                    <a:pt x="817" y="441"/>
                  </a:lnTo>
                  <a:lnTo>
                    <a:pt x="839" y="427"/>
                  </a:lnTo>
                  <a:lnTo>
                    <a:pt x="860" y="414"/>
                  </a:lnTo>
                  <a:lnTo>
                    <a:pt x="879" y="398"/>
                  </a:lnTo>
                  <a:lnTo>
                    <a:pt x="899" y="383"/>
                  </a:lnTo>
                  <a:lnTo>
                    <a:pt x="918" y="365"/>
                  </a:lnTo>
                  <a:lnTo>
                    <a:pt x="936" y="347"/>
                  </a:lnTo>
                  <a:lnTo>
                    <a:pt x="954" y="328"/>
                  </a:lnTo>
                  <a:lnTo>
                    <a:pt x="968" y="309"/>
                  </a:lnTo>
                  <a:lnTo>
                    <a:pt x="985" y="289"/>
                  </a:lnTo>
                  <a:lnTo>
                    <a:pt x="998" y="268"/>
                  </a:lnTo>
                  <a:lnTo>
                    <a:pt x="1012" y="246"/>
                  </a:lnTo>
                  <a:lnTo>
                    <a:pt x="1025" y="224"/>
                  </a:lnTo>
                  <a:lnTo>
                    <a:pt x="1035" y="202"/>
                  </a:lnTo>
                  <a:lnTo>
                    <a:pt x="1046" y="178"/>
                  </a:lnTo>
                  <a:lnTo>
                    <a:pt x="1056" y="154"/>
                  </a:lnTo>
                  <a:lnTo>
                    <a:pt x="1063" y="129"/>
                  </a:lnTo>
                  <a:lnTo>
                    <a:pt x="1071" y="104"/>
                  </a:lnTo>
                  <a:lnTo>
                    <a:pt x="1077" y="79"/>
                  </a:lnTo>
                  <a:lnTo>
                    <a:pt x="1081" y="52"/>
                  </a:lnTo>
                  <a:lnTo>
                    <a:pt x="1084" y="27"/>
                  </a:lnTo>
                  <a:lnTo>
                    <a:pt x="1086" y="0"/>
                  </a:lnTo>
                  <a:lnTo>
                    <a:pt x="0" y="0"/>
                  </a:lnTo>
                  <a:lnTo>
                    <a:pt x="0" y="0"/>
                  </a:lnTo>
                  <a:lnTo>
                    <a:pt x="3" y="27"/>
                  </a:lnTo>
                  <a:lnTo>
                    <a:pt x="6" y="52"/>
                  </a:lnTo>
                  <a:lnTo>
                    <a:pt x="10" y="79"/>
                  </a:lnTo>
                  <a:lnTo>
                    <a:pt x="16" y="104"/>
                  </a:lnTo>
                  <a:lnTo>
                    <a:pt x="24" y="129"/>
                  </a:lnTo>
                  <a:lnTo>
                    <a:pt x="31" y="154"/>
                  </a:lnTo>
                  <a:lnTo>
                    <a:pt x="40" y="178"/>
                  </a:lnTo>
                  <a:lnTo>
                    <a:pt x="50" y="202"/>
                  </a:lnTo>
                  <a:lnTo>
                    <a:pt x="62" y="224"/>
                  </a:lnTo>
                  <a:lnTo>
                    <a:pt x="74" y="246"/>
                  </a:lnTo>
                  <a:lnTo>
                    <a:pt x="87" y="268"/>
                  </a:lnTo>
                  <a:lnTo>
                    <a:pt x="102" y="289"/>
                  </a:lnTo>
                  <a:lnTo>
                    <a:pt x="117" y="309"/>
                  </a:lnTo>
                  <a:lnTo>
                    <a:pt x="133" y="328"/>
                  </a:lnTo>
                  <a:lnTo>
                    <a:pt x="151" y="347"/>
                  </a:lnTo>
                  <a:lnTo>
                    <a:pt x="169" y="365"/>
                  </a:lnTo>
                  <a:lnTo>
                    <a:pt x="187" y="383"/>
                  </a:lnTo>
                  <a:lnTo>
                    <a:pt x="206" y="398"/>
                  </a:lnTo>
                  <a:lnTo>
                    <a:pt x="227" y="414"/>
                  </a:lnTo>
                  <a:lnTo>
                    <a:pt x="248" y="427"/>
                  </a:lnTo>
                  <a:lnTo>
                    <a:pt x="270" y="441"/>
                  </a:lnTo>
                  <a:lnTo>
                    <a:pt x="292" y="454"/>
                  </a:lnTo>
                  <a:lnTo>
                    <a:pt x="314" y="464"/>
                  </a:lnTo>
                  <a:lnTo>
                    <a:pt x="338" y="475"/>
                  </a:lnTo>
                  <a:lnTo>
                    <a:pt x="362" y="485"/>
                  </a:lnTo>
                  <a:lnTo>
                    <a:pt x="387" y="492"/>
                  </a:lnTo>
                  <a:lnTo>
                    <a:pt x="412" y="500"/>
                  </a:lnTo>
                  <a:lnTo>
                    <a:pt x="437" y="504"/>
                  </a:lnTo>
                  <a:lnTo>
                    <a:pt x="463" y="510"/>
                  </a:lnTo>
                  <a:lnTo>
                    <a:pt x="489" y="513"/>
                  </a:lnTo>
                  <a:lnTo>
                    <a:pt x="516" y="515"/>
                  </a:lnTo>
                  <a:lnTo>
                    <a:pt x="543" y="515"/>
                  </a:lnTo>
                  <a:lnTo>
                    <a:pt x="543" y="51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srgbClr val="000000"/>
                </a:solidFill>
                <a:effectLst/>
                <a:uLnTx/>
                <a:uFillTx/>
                <a:latin typeface="Maersk Text Light" panose="00000400000000000000" pitchFamily="50" charset="0"/>
                <a:ea typeface="+mn-ea"/>
                <a:cs typeface="+mn-cs"/>
              </a:endParaRPr>
            </a:p>
          </p:txBody>
        </p:sp>
      </p:grpSp>
      <p:sp>
        <p:nvSpPr>
          <p:cNvPr id="365" name="Titel 1">
            <a:extLst>
              <a:ext uri="{FF2B5EF4-FFF2-40B4-BE49-F238E27FC236}">
                <a16:creationId xmlns:a16="http://schemas.microsoft.com/office/drawing/2014/main" id="{E77D336A-4593-480E-8853-D168CDB0E6CE}"/>
              </a:ext>
            </a:extLst>
          </p:cNvPr>
          <p:cNvSpPr txBox="1">
            <a:spLocks/>
          </p:cNvSpPr>
          <p:nvPr/>
        </p:nvSpPr>
        <p:spPr>
          <a:xfrm>
            <a:off x="10581385" y="4313171"/>
            <a:ext cx="618561" cy="107722"/>
          </a:xfrm>
          <a:prstGeom prst="rect">
            <a:avLst/>
          </a:prstGeom>
        </p:spPr>
        <p:txBody>
          <a:bodyPr wrap="square" lIns="0" tIns="0" rIns="0" bIns="0">
            <a:spAutoFit/>
          </a:bodyPr>
          <a:lstStyle/>
          <a:p>
            <a:pPr marL="0" marR="0" lvl="0" indent="0" algn="ctr" defTabSz="457200" rtl="0" eaLnBrk="1" fontAlgn="auto" latinLnBrk="0" hangingPunct="1">
              <a:lnSpc>
                <a:spcPct val="100000"/>
              </a:lnSpc>
              <a:spcBef>
                <a:spcPct val="0"/>
              </a:spcBef>
              <a:spcAft>
                <a:spcPts val="0"/>
              </a:spcAft>
              <a:buClrTx/>
              <a:buSzTx/>
              <a:buFontTx/>
              <a:buNone/>
              <a:tabLst/>
              <a:defRPr/>
            </a:pPr>
            <a:r>
              <a:rPr kumimoji="0" lang="da-DK" sz="700" b="0" i="0" u="none" strike="noStrike" kern="0" cap="none" spc="0" normalizeH="0" baseline="0" noProof="1">
                <a:ln>
                  <a:noFill/>
                </a:ln>
                <a:solidFill>
                  <a:srgbClr val="545454"/>
                </a:solidFill>
                <a:effectLst/>
                <a:uLnTx/>
                <a:uFillTx/>
                <a:latin typeface="Maersk Text Light" panose="00000400000000000000" pitchFamily="50" charset="0"/>
                <a:ea typeface="+mn-ea"/>
                <a:cs typeface="Zetta Sans Light"/>
              </a:rPr>
              <a:t>Heavy lift</a:t>
            </a:r>
          </a:p>
        </p:txBody>
      </p:sp>
      <p:sp>
        <p:nvSpPr>
          <p:cNvPr id="366" name="Titel 1">
            <a:extLst>
              <a:ext uri="{FF2B5EF4-FFF2-40B4-BE49-F238E27FC236}">
                <a16:creationId xmlns:a16="http://schemas.microsoft.com/office/drawing/2014/main" id="{1CC7DE09-191D-43DD-B439-E7D82AA664DF}"/>
              </a:ext>
            </a:extLst>
          </p:cNvPr>
          <p:cNvSpPr txBox="1">
            <a:spLocks/>
          </p:cNvSpPr>
          <p:nvPr/>
        </p:nvSpPr>
        <p:spPr>
          <a:xfrm>
            <a:off x="10767275" y="3879488"/>
            <a:ext cx="604354" cy="215444"/>
          </a:xfrm>
          <a:prstGeom prst="rect">
            <a:avLst/>
          </a:prstGeom>
        </p:spPr>
        <p:txBody>
          <a:bodyPr wrap="square" lIns="0" tIns="0" rIns="0" bIns="0">
            <a:spAutoFit/>
          </a:bodyPr>
          <a:lstStyle/>
          <a:p>
            <a:pPr marL="0" marR="0" lvl="0" indent="0" algn="ctr" defTabSz="457200" rtl="0" eaLnBrk="1" fontAlgn="auto" latinLnBrk="0" hangingPunct="1">
              <a:lnSpc>
                <a:spcPct val="100000"/>
              </a:lnSpc>
              <a:spcBef>
                <a:spcPct val="0"/>
              </a:spcBef>
              <a:spcAft>
                <a:spcPts val="0"/>
              </a:spcAft>
              <a:buClrTx/>
              <a:buSzTx/>
              <a:buFontTx/>
              <a:buNone/>
              <a:tabLst/>
              <a:defRPr/>
            </a:pPr>
            <a:r>
              <a:rPr kumimoji="0" lang="da-DK" sz="700" b="0" i="0" u="none" strike="noStrike" kern="0" cap="none" spc="0" normalizeH="0" baseline="0" noProof="1">
                <a:ln>
                  <a:noFill/>
                </a:ln>
                <a:solidFill>
                  <a:srgbClr val="545454"/>
                </a:solidFill>
                <a:effectLst/>
                <a:uLnTx/>
                <a:uFillTx/>
                <a:latin typeface="Maersk Text Light" panose="00000400000000000000" pitchFamily="50" charset="0"/>
                <a:ea typeface="+mn-ea"/>
                <a:cs typeface="Zetta Sans Light"/>
              </a:rPr>
              <a:t>Disconnect &amp; dismantling</a:t>
            </a:r>
          </a:p>
        </p:txBody>
      </p:sp>
      <p:sp>
        <p:nvSpPr>
          <p:cNvPr id="367" name="Ellipse 27">
            <a:extLst>
              <a:ext uri="{FF2B5EF4-FFF2-40B4-BE49-F238E27FC236}">
                <a16:creationId xmlns:a16="http://schemas.microsoft.com/office/drawing/2014/main" id="{2C82F573-371D-4436-BCD1-414B664575F4}"/>
              </a:ext>
            </a:extLst>
          </p:cNvPr>
          <p:cNvSpPr>
            <a:spLocks noChangeAspect="1"/>
          </p:cNvSpPr>
          <p:nvPr/>
        </p:nvSpPr>
        <p:spPr>
          <a:xfrm>
            <a:off x="7583574" y="3945828"/>
            <a:ext cx="90565" cy="90565"/>
          </a:xfrm>
          <a:prstGeom prst="ellipse">
            <a:avLst/>
          </a:prstGeom>
          <a:solidFill>
            <a:schemeClr val="bg2"/>
          </a:solidFill>
          <a:ln w="25400" cap="flat" cmpd="sng" algn="ctr">
            <a:noFill/>
            <a:prstDash val="solid"/>
          </a:ln>
          <a:effectLst/>
        </p:spPr>
        <p:txBody>
          <a:bodyPr rtlCol="0" anchor="ctr"/>
          <a:lstStyle/>
          <a:p>
            <a:pPr marL="0" marR="0" lvl="0" indent="0" algn="ctr" defTabSz="1219170" rtl="0" eaLnBrk="1" fontAlgn="auto" latinLnBrk="0" hangingPunct="1">
              <a:lnSpc>
                <a:spcPct val="100000"/>
              </a:lnSpc>
              <a:spcBef>
                <a:spcPts val="60"/>
              </a:spcBef>
              <a:spcAft>
                <a:spcPts val="600"/>
              </a:spcAft>
              <a:buClrTx/>
              <a:buSzTx/>
              <a:buFontTx/>
              <a:buNone/>
              <a:tabLst/>
              <a:defRPr/>
            </a:pPr>
            <a:endParaRPr kumimoji="0" lang="da-DK" sz="1800" b="0" i="0" u="none" strike="noStrike" kern="0" cap="none" spc="0" normalizeH="0" baseline="0" noProof="0">
              <a:ln>
                <a:noFill/>
              </a:ln>
              <a:solidFill>
                <a:srgbClr val="FFFFFF"/>
              </a:solidFill>
              <a:effectLst/>
              <a:uLnTx/>
              <a:uFillTx/>
              <a:latin typeface="Maersk Text Light" panose="00000400000000000000" pitchFamily="50" charset="0"/>
              <a:ea typeface="+mn-ea"/>
              <a:cs typeface="+mn-cs"/>
            </a:endParaRPr>
          </a:p>
        </p:txBody>
      </p:sp>
      <p:sp>
        <p:nvSpPr>
          <p:cNvPr id="368" name="Titel 1">
            <a:extLst>
              <a:ext uri="{FF2B5EF4-FFF2-40B4-BE49-F238E27FC236}">
                <a16:creationId xmlns:a16="http://schemas.microsoft.com/office/drawing/2014/main" id="{65EF6520-A354-4C57-B9EE-5DEED28B563E}"/>
              </a:ext>
            </a:extLst>
          </p:cNvPr>
          <p:cNvSpPr txBox="1">
            <a:spLocks/>
          </p:cNvSpPr>
          <p:nvPr/>
        </p:nvSpPr>
        <p:spPr>
          <a:xfrm>
            <a:off x="10240466" y="1994173"/>
            <a:ext cx="539589" cy="215444"/>
          </a:xfrm>
          <a:prstGeom prst="rect">
            <a:avLst/>
          </a:prstGeom>
        </p:spPr>
        <p:txBody>
          <a:bodyPr wrap="square" lIns="0" tIns="0" rIns="0" bIns="0">
            <a:spAutoFit/>
          </a:bodyPr>
          <a:lstStyle/>
          <a:p>
            <a:pPr marL="0" marR="0" lvl="0" indent="0" algn="ctr" defTabSz="457200" rtl="0" eaLnBrk="1" fontAlgn="auto" latinLnBrk="0" hangingPunct="1">
              <a:lnSpc>
                <a:spcPct val="100000"/>
              </a:lnSpc>
              <a:spcBef>
                <a:spcPct val="0"/>
              </a:spcBef>
              <a:spcAft>
                <a:spcPts val="0"/>
              </a:spcAft>
              <a:buClrTx/>
              <a:buSzTx/>
              <a:buFontTx/>
              <a:buNone/>
              <a:tabLst/>
              <a:defRPr/>
            </a:pPr>
            <a:r>
              <a:rPr kumimoji="0" lang="da-DK" sz="700" b="0" i="0" u="none" strike="noStrike" kern="0" cap="none" spc="0" normalizeH="0" baseline="0" noProof="1">
                <a:ln>
                  <a:noFill/>
                </a:ln>
                <a:solidFill>
                  <a:srgbClr val="545454"/>
                </a:solidFill>
                <a:effectLst/>
                <a:uLnTx/>
                <a:uFillTx/>
                <a:latin typeface="Maersk Text Light" panose="00000400000000000000" pitchFamily="50" charset="0"/>
                <a:ea typeface="+mn-ea"/>
                <a:cs typeface="Zetta Sans Light"/>
              </a:rPr>
              <a:t>Flushing &amp; cleaning</a:t>
            </a:r>
          </a:p>
        </p:txBody>
      </p:sp>
      <p:sp>
        <p:nvSpPr>
          <p:cNvPr id="369" name="Titel 1">
            <a:extLst>
              <a:ext uri="{FF2B5EF4-FFF2-40B4-BE49-F238E27FC236}">
                <a16:creationId xmlns:a16="http://schemas.microsoft.com/office/drawing/2014/main" id="{230D9983-A19B-4D26-9041-9BF8BFA48489}"/>
              </a:ext>
            </a:extLst>
          </p:cNvPr>
          <p:cNvSpPr txBox="1">
            <a:spLocks/>
          </p:cNvSpPr>
          <p:nvPr/>
        </p:nvSpPr>
        <p:spPr>
          <a:xfrm>
            <a:off x="10292084" y="4589710"/>
            <a:ext cx="794460" cy="323165"/>
          </a:xfrm>
          <a:prstGeom prst="rect">
            <a:avLst/>
          </a:prstGeom>
        </p:spPr>
        <p:txBody>
          <a:bodyPr wrap="square" lIns="0" tIns="0" rIns="0" bIns="0">
            <a:spAutoFit/>
          </a:bodyPr>
          <a:lstStyle/>
          <a:p>
            <a:pPr marL="0" marR="0" lvl="0" indent="0" algn="ctr" defTabSz="457200" rtl="0" eaLnBrk="1" fontAlgn="auto" latinLnBrk="0" hangingPunct="1">
              <a:lnSpc>
                <a:spcPct val="100000"/>
              </a:lnSpc>
              <a:spcBef>
                <a:spcPct val="0"/>
              </a:spcBef>
              <a:spcAft>
                <a:spcPts val="0"/>
              </a:spcAft>
              <a:buClrTx/>
              <a:buSzTx/>
              <a:buFontTx/>
              <a:buNone/>
              <a:tabLst/>
              <a:defRPr/>
            </a:pPr>
            <a:r>
              <a:rPr kumimoji="0" lang="da-DK" sz="700" b="0" i="0" u="none" strike="noStrike" kern="0" cap="none" spc="0" normalizeH="0" baseline="0" noProof="1">
                <a:ln>
                  <a:noFill/>
                </a:ln>
                <a:solidFill>
                  <a:srgbClr val="545454"/>
                </a:solidFill>
                <a:effectLst/>
                <a:uLnTx/>
                <a:uFillTx/>
                <a:latin typeface="Maersk Text Light" panose="00000400000000000000" pitchFamily="50" charset="0"/>
                <a:ea typeface="+mn-ea"/>
                <a:cs typeface="Zetta Sans Light"/>
              </a:rPr>
              <a:t>Shorebase, transport &amp; logistics</a:t>
            </a:r>
          </a:p>
        </p:txBody>
      </p:sp>
      <p:pic>
        <p:nvPicPr>
          <p:cNvPr id="371" name="Picture 370">
            <a:extLst>
              <a:ext uri="{FF2B5EF4-FFF2-40B4-BE49-F238E27FC236}">
                <a16:creationId xmlns:a16="http://schemas.microsoft.com/office/drawing/2014/main" id="{4B5D00F1-9B8B-4C40-8DCB-C81C719016D0}"/>
              </a:ext>
            </a:extLst>
          </p:cNvPr>
          <p:cNvPicPr>
            <a:picLocks noChangeAspect="1"/>
          </p:cNvPicPr>
          <p:nvPr/>
        </p:nvPicPr>
        <p:blipFill>
          <a:blip r:embed="rId5" cstate="print">
            <a:duotone>
              <a:schemeClr val="bg2">
                <a:shade val="45000"/>
                <a:satMod val="135000"/>
              </a:schemeClr>
              <a:prstClr val="white"/>
            </a:duotone>
            <a:extLst>
              <a:ext uri="{BEBA8EAE-BF5A-486C-A8C5-ECC9F3942E4B}">
                <a14:imgProps xmlns:a14="http://schemas.microsoft.com/office/drawing/2010/main">
                  <a14:imgLayer r:embed="rId6">
                    <a14:imgEffect>
                      <a14:brightnessContrast bright="-40000" contrast="40000"/>
                    </a14:imgEffect>
                  </a14:imgLayer>
                </a14:imgProps>
              </a:ext>
              <a:ext uri="{28A0092B-C50C-407E-A947-70E740481C1C}">
                <a14:useLocalDpi xmlns:a14="http://schemas.microsoft.com/office/drawing/2010/main" val="0"/>
              </a:ext>
            </a:extLst>
          </a:blip>
          <a:stretch>
            <a:fillRect/>
          </a:stretch>
        </p:blipFill>
        <p:spPr>
          <a:xfrm flipH="1">
            <a:off x="7959039" y="3822423"/>
            <a:ext cx="608504" cy="608504"/>
          </a:xfrm>
          <a:prstGeom prst="rect">
            <a:avLst/>
          </a:prstGeom>
          <a:ln>
            <a:noFill/>
          </a:ln>
        </p:spPr>
      </p:pic>
      <p:pic>
        <p:nvPicPr>
          <p:cNvPr id="124" name="Picture 123" descr="A picture containing logo&#10;&#10;Description automatically generated">
            <a:extLst>
              <a:ext uri="{FF2B5EF4-FFF2-40B4-BE49-F238E27FC236}">
                <a16:creationId xmlns:a16="http://schemas.microsoft.com/office/drawing/2014/main" id="{AC8445AF-3B7C-FB45-9D62-76759C8F6460}"/>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11109833" y="179654"/>
            <a:ext cx="896977" cy="896977"/>
          </a:xfrm>
          <a:prstGeom prst="rect">
            <a:avLst/>
          </a:prstGeom>
        </p:spPr>
      </p:pic>
    </p:spTree>
    <p:custDataLst>
      <p:tags r:id="rId1"/>
    </p:custDataLst>
    <p:extLst>
      <p:ext uri="{BB962C8B-B14F-4D97-AF65-F5344CB8AC3E}">
        <p14:creationId xmlns:p14="http://schemas.microsoft.com/office/powerpoint/2010/main" val="327579717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8DE298EE-0638-410D-8EE9-15CF00298CCA}"/>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A204BC-C5BA-4EF4-ABC8-D45123A0C528}" type="slidenum">
              <a:rPr kumimoji="0" lang="en-GB" sz="1000" b="0" i="0" u="none" strike="noStrike" kern="1200" cap="none" spc="0" normalizeH="0" baseline="0" noProof="0" smtClean="0">
                <a:ln>
                  <a:noFill/>
                </a:ln>
                <a:solidFill>
                  <a:prstClr val="black"/>
                </a:solidFill>
                <a:effectLst/>
                <a:uLnTx/>
                <a:uFillTx/>
                <a:latin typeface="Maersk Text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8</a:t>
            </a:fld>
            <a:endParaRPr kumimoji="0" lang="en-GB" sz="1000" b="0" i="0" u="none" strike="noStrike" kern="1200" cap="none" spc="0" normalizeH="0" baseline="0" noProof="0">
              <a:ln>
                <a:noFill/>
              </a:ln>
              <a:solidFill>
                <a:prstClr val="black"/>
              </a:solidFill>
              <a:effectLst/>
              <a:uLnTx/>
              <a:uFillTx/>
              <a:latin typeface="Maersk Text Office"/>
              <a:ea typeface="+mn-ea"/>
              <a:cs typeface="+mn-cs"/>
            </a:endParaRPr>
          </a:p>
        </p:txBody>
      </p:sp>
      <p:sp>
        <p:nvSpPr>
          <p:cNvPr id="3" name="Title 2">
            <a:extLst>
              <a:ext uri="{FF2B5EF4-FFF2-40B4-BE49-F238E27FC236}">
                <a16:creationId xmlns:a16="http://schemas.microsoft.com/office/drawing/2014/main" id="{86F37277-9C42-4BD1-927E-7F1962FB1120}"/>
              </a:ext>
            </a:extLst>
          </p:cNvPr>
          <p:cNvSpPr>
            <a:spLocks noGrp="1"/>
          </p:cNvSpPr>
          <p:nvPr>
            <p:ph type="title"/>
          </p:nvPr>
        </p:nvSpPr>
        <p:spPr>
          <a:xfrm>
            <a:off x="500063" y="501650"/>
            <a:ext cx="2660387" cy="719138"/>
          </a:xfrm>
        </p:spPr>
        <p:txBody>
          <a:bodyPr/>
          <a:lstStyle/>
          <a:p>
            <a:r>
              <a:rPr lang="en-US"/>
              <a:t>Interviewees</a:t>
            </a:r>
            <a:endParaRPr lang="da-DK"/>
          </a:p>
        </p:txBody>
      </p:sp>
      <p:pic>
        <p:nvPicPr>
          <p:cNvPr id="7" name="Picture 6" descr="A picture containing logo&#10;&#10;Description automatically generated">
            <a:extLst>
              <a:ext uri="{FF2B5EF4-FFF2-40B4-BE49-F238E27FC236}">
                <a16:creationId xmlns:a16="http://schemas.microsoft.com/office/drawing/2014/main" id="{FA0E68C2-5375-864A-8051-A99B4AEBA7D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109833" y="179654"/>
            <a:ext cx="896977" cy="896977"/>
          </a:xfrm>
          <a:prstGeom prst="rect">
            <a:avLst/>
          </a:prstGeom>
        </p:spPr>
      </p:pic>
      <p:sp>
        <p:nvSpPr>
          <p:cNvPr id="12" name="Title 5">
            <a:extLst>
              <a:ext uri="{FF2B5EF4-FFF2-40B4-BE49-F238E27FC236}">
                <a16:creationId xmlns:a16="http://schemas.microsoft.com/office/drawing/2014/main" id="{09934044-3746-40C9-BC65-E5D0F0482538}"/>
              </a:ext>
            </a:extLst>
          </p:cNvPr>
          <p:cNvSpPr txBox="1">
            <a:spLocks/>
          </p:cNvSpPr>
          <p:nvPr/>
        </p:nvSpPr>
        <p:spPr>
          <a:xfrm>
            <a:off x="721734" y="1192221"/>
            <a:ext cx="3826124" cy="4089994"/>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3000" kern="1200">
                <a:solidFill>
                  <a:schemeClr val="bg2"/>
                </a:solidFill>
                <a:latin typeface="+mj-lt"/>
                <a:ea typeface="+mj-ea"/>
                <a:cs typeface="+mj-cs"/>
              </a:defRPr>
            </a:lvl1pPr>
          </a:lstStyle>
          <a:p>
            <a:r>
              <a:rPr lang="en-GB" sz="2400" b="1"/>
              <a:t>Project Control Manager</a:t>
            </a:r>
          </a:p>
          <a:p>
            <a:endParaRPr lang="en-GB" sz="2400" b="1"/>
          </a:p>
          <a:p>
            <a:r>
              <a:rPr lang="en-GB" sz="2400" b="1"/>
              <a:t>Project Manager</a:t>
            </a:r>
          </a:p>
          <a:p>
            <a:endParaRPr lang="en-GB" sz="2400" b="1"/>
          </a:p>
          <a:p>
            <a:r>
              <a:rPr lang="en-GB" sz="2400" b="1"/>
              <a:t>Senior Tender Manager</a:t>
            </a:r>
            <a:endParaRPr lang="en-US" sz="3200">
              <a:solidFill>
                <a:srgbClr val="00243D"/>
              </a:solidFill>
              <a:latin typeface="Maersk Text Office"/>
            </a:endParaRPr>
          </a:p>
          <a:p>
            <a:endParaRPr lang="en-US" sz="2400" b="1"/>
          </a:p>
          <a:p>
            <a:r>
              <a:rPr lang="en-GB" sz="2400" b="1">
                <a:solidFill>
                  <a:srgbClr val="00243D"/>
                </a:solidFill>
                <a:latin typeface="Maersk Text Office"/>
              </a:rPr>
              <a:t>Senior Commercial Manager</a:t>
            </a:r>
          </a:p>
          <a:p>
            <a:endParaRPr lang="en-GB" sz="2400" b="1">
              <a:solidFill>
                <a:srgbClr val="00243D"/>
              </a:solidFill>
              <a:latin typeface="Maersk Text Office"/>
            </a:endParaRPr>
          </a:p>
          <a:p>
            <a:r>
              <a:rPr lang="en-GB" sz="2400" b="1">
                <a:solidFill>
                  <a:srgbClr val="00243D"/>
                </a:solidFill>
                <a:latin typeface="Maersk Text Office"/>
              </a:rPr>
              <a:t>Supply Chain Manager</a:t>
            </a:r>
          </a:p>
          <a:p>
            <a:endParaRPr lang="en-GB" sz="2400" b="1">
              <a:solidFill>
                <a:srgbClr val="00243D"/>
              </a:solidFill>
              <a:latin typeface="Maersk Text Office"/>
            </a:endParaRPr>
          </a:p>
          <a:p>
            <a:r>
              <a:rPr lang="en-GB" sz="2400" b="1">
                <a:solidFill>
                  <a:srgbClr val="00243D"/>
                </a:solidFill>
                <a:latin typeface="Maersk Text Office"/>
              </a:rPr>
              <a:t>Sustainability Lead</a:t>
            </a:r>
            <a:endParaRPr lang="en-US" sz="2400" b="1">
              <a:solidFill>
                <a:srgbClr val="00243D"/>
              </a:solidFill>
              <a:latin typeface="Maersk Text Office"/>
            </a:endParaRPr>
          </a:p>
        </p:txBody>
      </p:sp>
      <p:grpSp>
        <p:nvGrpSpPr>
          <p:cNvPr id="9" name="Group 8">
            <a:extLst>
              <a:ext uri="{FF2B5EF4-FFF2-40B4-BE49-F238E27FC236}">
                <a16:creationId xmlns:a16="http://schemas.microsoft.com/office/drawing/2014/main" id="{9BDE06A4-20DA-43C8-8CD2-1AD42C3867F4}"/>
              </a:ext>
            </a:extLst>
          </p:cNvPr>
          <p:cNvGrpSpPr/>
          <p:nvPr/>
        </p:nvGrpSpPr>
        <p:grpSpPr>
          <a:xfrm>
            <a:off x="4669447" y="1076631"/>
            <a:ext cx="7022490" cy="4487658"/>
            <a:chOff x="4105632" y="-490858"/>
            <a:chExt cx="7022490" cy="4487658"/>
          </a:xfrm>
        </p:grpSpPr>
        <p:sp>
          <p:nvSpPr>
            <p:cNvPr id="4" name="Rectangle: Folded Corner 3">
              <a:extLst>
                <a:ext uri="{FF2B5EF4-FFF2-40B4-BE49-F238E27FC236}">
                  <a16:creationId xmlns:a16="http://schemas.microsoft.com/office/drawing/2014/main" id="{0CFF5BD3-BC61-410C-975C-B328CA5EA89A}"/>
                </a:ext>
              </a:extLst>
            </p:cNvPr>
            <p:cNvSpPr>
              <a:spLocks noChangeAspect="1"/>
            </p:cNvSpPr>
            <p:nvPr/>
          </p:nvSpPr>
          <p:spPr>
            <a:xfrm>
              <a:off x="8016898" y="2881931"/>
              <a:ext cx="1253176" cy="1114869"/>
            </a:xfrm>
            <a:prstGeom prst="foldedCorner">
              <a:avLst/>
            </a:prstGeom>
            <a:solidFill>
              <a:schemeClr val="accent1">
                <a:lumMod val="40000"/>
                <a:lumOff val="60000"/>
              </a:schemeClr>
            </a:solidFill>
            <a:ln>
              <a:solidFill>
                <a:schemeClr val="accent1">
                  <a:lumMod val="40000"/>
                  <a:lumOff val="60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t" anchorCtr="0"/>
            <a:lstStyle/>
            <a:p>
              <a:pPr algn="l"/>
              <a:r>
                <a:rPr lang="en-GB" sz="1100">
                  <a:solidFill>
                    <a:schemeClr val="tx1"/>
                  </a:solidFill>
                </a:rPr>
                <a:t>No consistent prioritisation of tasks</a:t>
              </a:r>
            </a:p>
          </p:txBody>
        </p:sp>
        <p:sp>
          <p:nvSpPr>
            <p:cNvPr id="23" name="Rectangle: Folded Corner 22">
              <a:extLst>
                <a:ext uri="{FF2B5EF4-FFF2-40B4-BE49-F238E27FC236}">
                  <a16:creationId xmlns:a16="http://schemas.microsoft.com/office/drawing/2014/main" id="{AB3442BB-1443-4DDF-8C15-01173EAFCAE5}"/>
                </a:ext>
              </a:extLst>
            </p:cNvPr>
            <p:cNvSpPr>
              <a:spLocks noChangeAspect="1"/>
            </p:cNvSpPr>
            <p:nvPr/>
          </p:nvSpPr>
          <p:spPr>
            <a:xfrm>
              <a:off x="4105632" y="-50090"/>
              <a:ext cx="1272814" cy="1132340"/>
            </a:xfrm>
            <a:prstGeom prst="foldedCorner">
              <a:avLst/>
            </a:prstGeom>
            <a:solidFill>
              <a:schemeClr val="accent1">
                <a:lumMod val="40000"/>
                <a:lumOff val="60000"/>
              </a:schemeClr>
            </a:solidFill>
            <a:ln>
              <a:solidFill>
                <a:schemeClr val="accent1">
                  <a:lumMod val="40000"/>
                  <a:lumOff val="60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t" anchorCtr="0"/>
            <a:lstStyle/>
            <a:p>
              <a:pPr algn="l"/>
              <a:r>
                <a:rPr lang="en-US" sz="1100">
                  <a:solidFill>
                    <a:schemeClr val="tx1"/>
                  </a:solidFill>
                </a:rPr>
                <a:t>Leadership has problems with resource management</a:t>
              </a:r>
            </a:p>
          </p:txBody>
        </p:sp>
        <p:sp>
          <p:nvSpPr>
            <p:cNvPr id="26" name="Rectangle: Folded Corner 25">
              <a:extLst>
                <a:ext uri="{FF2B5EF4-FFF2-40B4-BE49-F238E27FC236}">
                  <a16:creationId xmlns:a16="http://schemas.microsoft.com/office/drawing/2014/main" id="{0920B40C-5B73-4270-A59E-B72941065998}"/>
                </a:ext>
              </a:extLst>
            </p:cNvPr>
            <p:cNvSpPr>
              <a:spLocks noChangeAspect="1"/>
            </p:cNvSpPr>
            <p:nvPr/>
          </p:nvSpPr>
          <p:spPr>
            <a:xfrm>
              <a:off x="9855308" y="-191133"/>
              <a:ext cx="1272814" cy="1132340"/>
            </a:xfrm>
            <a:prstGeom prst="foldedCorner">
              <a:avLst/>
            </a:prstGeom>
            <a:solidFill>
              <a:schemeClr val="accent6">
                <a:lumMod val="60000"/>
                <a:lumOff val="40000"/>
              </a:schemeClr>
            </a:solidFill>
            <a:ln>
              <a:solidFill>
                <a:schemeClr val="accent6">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t" anchorCtr="0"/>
            <a:lstStyle/>
            <a:p>
              <a:pPr algn="l"/>
              <a:r>
                <a:rPr lang="en-US" sz="1100">
                  <a:solidFill>
                    <a:schemeClr val="tx1"/>
                  </a:solidFill>
                </a:rPr>
                <a:t>Lack of coordination between departments</a:t>
              </a:r>
            </a:p>
          </p:txBody>
        </p:sp>
        <p:sp>
          <p:nvSpPr>
            <p:cNvPr id="29" name="Rectangle: Folded Corner 28">
              <a:extLst>
                <a:ext uri="{FF2B5EF4-FFF2-40B4-BE49-F238E27FC236}">
                  <a16:creationId xmlns:a16="http://schemas.microsoft.com/office/drawing/2014/main" id="{29DD0967-B992-488A-BEC1-1B6412F5EE0D}"/>
                </a:ext>
              </a:extLst>
            </p:cNvPr>
            <p:cNvSpPr>
              <a:spLocks noChangeAspect="1"/>
            </p:cNvSpPr>
            <p:nvPr/>
          </p:nvSpPr>
          <p:spPr>
            <a:xfrm>
              <a:off x="6159925" y="2663280"/>
              <a:ext cx="1272814" cy="1132340"/>
            </a:xfrm>
            <a:prstGeom prst="foldedCorner">
              <a:avLst/>
            </a:prstGeom>
            <a:solidFill>
              <a:schemeClr val="accent6">
                <a:lumMod val="60000"/>
                <a:lumOff val="40000"/>
              </a:schemeClr>
            </a:solidFill>
            <a:ln>
              <a:solidFill>
                <a:schemeClr val="accent6">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t" anchorCtr="0"/>
            <a:lstStyle/>
            <a:p>
              <a:r>
                <a:rPr lang="en-US" sz="1100">
                  <a:solidFill>
                    <a:schemeClr val="tx1"/>
                  </a:solidFill>
                </a:rPr>
                <a:t>No process </a:t>
              </a:r>
              <a:r>
                <a:rPr lang="en-GB" sz="1100">
                  <a:solidFill>
                    <a:schemeClr val="tx1"/>
                  </a:solidFill>
                </a:rPr>
                <a:t>standardisation</a:t>
              </a:r>
            </a:p>
          </p:txBody>
        </p:sp>
        <p:sp>
          <p:nvSpPr>
            <p:cNvPr id="30" name="Rectangle: Folded Corner 29">
              <a:extLst>
                <a:ext uri="{FF2B5EF4-FFF2-40B4-BE49-F238E27FC236}">
                  <a16:creationId xmlns:a16="http://schemas.microsoft.com/office/drawing/2014/main" id="{74B3C748-AB82-48F3-8A1C-42794D4FF1A1}"/>
                </a:ext>
              </a:extLst>
            </p:cNvPr>
            <p:cNvSpPr>
              <a:spLocks noChangeAspect="1"/>
            </p:cNvSpPr>
            <p:nvPr/>
          </p:nvSpPr>
          <p:spPr>
            <a:xfrm>
              <a:off x="5887483" y="-490858"/>
              <a:ext cx="1272814" cy="1132340"/>
            </a:xfrm>
            <a:prstGeom prst="foldedCorner">
              <a:avLst/>
            </a:prstGeom>
            <a:solidFill>
              <a:schemeClr val="accent1">
                <a:lumMod val="40000"/>
                <a:lumOff val="60000"/>
              </a:schemeClr>
            </a:solidFill>
            <a:ln>
              <a:solidFill>
                <a:schemeClr val="accent1">
                  <a:lumMod val="40000"/>
                  <a:lumOff val="60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t" anchorCtr="0"/>
            <a:lstStyle/>
            <a:p>
              <a:pPr algn="l"/>
              <a:r>
                <a:rPr lang="en-US" sz="1100">
                  <a:solidFill>
                    <a:schemeClr val="tx1"/>
                  </a:solidFill>
                </a:rPr>
                <a:t>Lack of resources</a:t>
              </a:r>
            </a:p>
          </p:txBody>
        </p:sp>
        <p:sp>
          <p:nvSpPr>
            <p:cNvPr id="33" name="Rectangle: Folded Corner 32">
              <a:extLst>
                <a:ext uri="{FF2B5EF4-FFF2-40B4-BE49-F238E27FC236}">
                  <a16:creationId xmlns:a16="http://schemas.microsoft.com/office/drawing/2014/main" id="{EAC25CC7-83CE-4ED6-808E-651150CC7182}"/>
                </a:ext>
              </a:extLst>
            </p:cNvPr>
            <p:cNvSpPr>
              <a:spLocks noChangeAspect="1"/>
            </p:cNvSpPr>
            <p:nvPr/>
          </p:nvSpPr>
          <p:spPr>
            <a:xfrm>
              <a:off x="9172975" y="1466799"/>
              <a:ext cx="1272814" cy="1132340"/>
            </a:xfrm>
            <a:prstGeom prst="foldedCorner">
              <a:avLst/>
            </a:prstGeom>
            <a:solidFill>
              <a:schemeClr val="accent1">
                <a:lumMod val="40000"/>
                <a:lumOff val="60000"/>
              </a:schemeClr>
            </a:solidFill>
            <a:ln>
              <a:solidFill>
                <a:schemeClr val="accent1">
                  <a:lumMod val="40000"/>
                  <a:lumOff val="60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t" anchorCtr="0"/>
            <a:lstStyle/>
            <a:p>
              <a:pPr algn="l"/>
              <a:r>
                <a:rPr lang="en-US" sz="1100">
                  <a:solidFill>
                    <a:schemeClr val="tx1"/>
                  </a:solidFill>
                </a:rPr>
                <a:t>Internal deadlines not met, but overall deadline is met</a:t>
              </a:r>
            </a:p>
          </p:txBody>
        </p:sp>
        <p:sp>
          <p:nvSpPr>
            <p:cNvPr id="34" name="Rectangle: Folded Corner 33">
              <a:extLst>
                <a:ext uri="{FF2B5EF4-FFF2-40B4-BE49-F238E27FC236}">
                  <a16:creationId xmlns:a16="http://schemas.microsoft.com/office/drawing/2014/main" id="{3084B9AD-BA72-42AC-8EF4-5B7AABB4EC2B}"/>
                </a:ext>
              </a:extLst>
            </p:cNvPr>
            <p:cNvSpPr>
              <a:spLocks noChangeAspect="1"/>
            </p:cNvSpPr>
            <p:nvPr/>
          </p:nvSpPr>
          <p:spPr>
            <a:xfrm>
              <a:off x="5532185" y="962565"/>
              <a:ext cx="1272814" cy="1132340"/>
            </a:xfrm>
            <a:prstGeom prst="foldedCorner">
              <a:avLst/>
            </a:prstGeom>
            <a:solidFill>
              <a:schemeClr val="accent6">
                <a:lumMod val="60000"/>
                <a:lumOff val="40000"/>
              </a:schemeClr>
            </a:solidFill>
            <a:ln>
              <a:solidFill>
                <a:schemeClr val="accent6">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t" anchorCtr="0"/>
            <a:lstStyle/>
            <a:p>
              <a:r>
                <a:rPr lang="en-US" sz="1100">
                  <a:solidFill>
                    <a:schemeClr val="tx1"/>
                  </a:solidFill>
                </a:rPr>
                <a:t>Not everyone using the designated tools</a:t>
              </a:r>
            </a:p>
          </p:txBody>
        </p:sp>
        <p:sp>
          <p:nvSpPr>
            <p:cNvPr id="35" name="Rectangle: Folded Corner 34">
              <a:extLst>
                <a:ext uri="{FF2B5EF4-FFF2-40B4-BE49-F238E27FC236}">
                  <a16:creationId xmlns:a16="http://schemas.microsoft.com/office/drawing/2014/main" id="{49FF8F25-9732-4391-A5C8-DF561C470D53}"/>
                </a:ext>
              </a:extLst>
            </p:cNvPr>
            <p:cNvSpPr>
              <a:spLocks noChangeAspect="1"/>
            </p:cNvSpPr>
            <p:nvPr/>
          </p:nvSpPr>
          <p:spPr>
            <a:xfrm>
              <a:off x="4509695" y="2760457"/>
              <a:ext cx="1272814" cy="1132340"/>
            </a:xfrm>
            <a:prstGeom prst="foldedCorner">
              <a:avLst/>
            </a:prstGeom>
            <a:solidFill>
              <a:schemeClr val="accent5">
                <a:lumMod val="40000"/>
                <a:lumOff val="60000"/>
              </a:schemeClr>
            </a:solidFill>
            <a:ln>
              <a:solidFill>
                <a:schemeClr val="accent5">
                  <a:lumMod val="40000"/>
                  <a:lumOff val="60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t" anchorCtr="0"/>
            <a:lstStyle/>
            <a:p>
              <a:pPr algn="l"/>
              <a:r>
                <a:rPr lang="en-US" sz="1100">
                  <a:solidFill>
                    <a:schemeClr val="tx1"/>
                  </a:solidFill>
                </a:rPr>
                <a:t>No task monitoring</a:t>
              </a:r>
            </a:p>
          </p:txBody>
        </p:sp>
        <p:sp>
          <p:nvSpPr>
            <p:cNvPr id="36" name="Rectangle: Folded Corner 35">
              <a:extLst>
                <a:ext uri="{FF2B5EF4-FFF2-40B4-BE49-F238E27FC236}">
                  <a16:creationId xmlns:a16="http://schemas.microsoft.com/office/drawing/2014/main" id="{F5BA59DC-ED35-4D03-98D5-B058AB298C95}"/>
                </a:ext>
              </a:extLst>
            </p:cNvPr>
            <p:cNvSpPr>
              <a:spLocks noChangeAspect="1"/>
            </p:cNvSpPr>
            <p:nvPr/>
          </p:nvSpPr>
          <p:spPr>
            <a:xfrm>
              <a:off x="7491246" y="1420245"/>
              <a:ext cx="1272814" cy="1132340"/>
            </a:xfrm>
            <a:prstGeom prst="foldedCorner">
              <a:avLst/>
            </a:prstGeom>
            <a:solidFill>
              <a:schemeClr val="accent1">
                <a:lumMod val="40000"/>
                <a:lumOff val="60000"/>
              </a:schemeClr>
            </a:solidFill>
            <a:ln>
              <a:solidFill>
                <a:schemeClr val="accent1">
                  <a:lumMod val="40000"/>
                  <a:lumOff val="60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t" anchorCtr="0"/>
            <a:lstStyle/>
            <a:p>
              <a:pPr algn="l"/>
              <a:r>
                <a:rPr lang="en-US" sz="1100">
                  <a:solidFill>
                    <a:schemeClr val="tx1"/>
                  </a:solidFill>
                </a:rPr>
                <a:t>Level of detail unclear</a:t>
              </a:r>
            </a:p>
          </p:txBody>
        </p:sp>
        <p:sp>
          <p:nvSpPr>
            <p:cNvPr id="39" name="Rectangle: Folded Corner 38">
              <a:extLst>
                <a:ext uri="{FF2B5EF4-FFF2-40B4-BE49-F238E27FC236}">
                  <a16:creationId xmlns:a16="http://schemas.microsoft.com/office/drawing/2014/main" id="{8F2A4775-77CB-4D2D-A04D-D8FA2604387D}"/>
                </a:ext>
              </a:extLst>
            </p:cNvPr>
            <p:cNvSpPr>
              <a:spLocks noChangeAspect="1"/>
            </p:cNvSpPr>
            <p:nvPr/>
          </p:nvSpPr>
          <p:spPr>
            <a:xfrm>
              <a:off x="8315941" y="-255643"/>
              <a:ext cx="1272814" cy="1132340"/>
            </a:xfrm>
            <a:prstGeom prst="foldedCorner">
              <a:avLst/>
            </a:prstGeom>
            <a:solidFill>
              <a:schemeClr val="accent1">
                <a:lumMod val="40000"/>
                <a:lumOff val="60000"/>
              </a:schemeClr>
            </a:solidFill>
            <a:ln>
              <a:solidFill>
                <a:schemeClr val="accent1">
                  <a:lumMod val="40000"/>
                  <a:lumOff val="60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t" anchorCtr="0"/>
            <a:lstStyle/>
            <a:p>
              <a:pPr algn="l"/>
              <a:r>
                <a:rPr lang="en-US" sz="1100">
                  <a:solidFill>
                    <a:schemeClr val="tx1"/>
                  </a:solidFill>
                </a:rPr>
                <a:t>Tender structure and task assignation is not prepared in advance</a:t>
              </a:r>
            </a:p>
          </p:txBody>
        </p:sp>
      </p:grpSp>
      <p:grpSp>
        <p:nvGrpSpPr>
          <p:cNvPr id="8" name="Group 7">
            <a:extLst>
              <a:ext uri="{FF2B5EF4-FFF2-40B4-BE49-F238E27FC236}">
                <a16:creationId xmlns:a16="http://schemas.microsoft.com/office/drawing/2014/main" id="{51A5E070-F36F-4A0D-B2B8-93291604579D}"/>
              </a:ext>
            </a:extLst>
          </p:cNvPr>
          <p:cNvGrpSpPr/>
          <p:nvPr/>
        </p:nvGrpSpPr>
        <p:grpSpPr>
          <a:xfrm>
            <a:off x="10286537" y="5095925"/>
            <a:ext cx="1781741" cy="534368"/>
            <a:chOff x="10286537" y="5095925"/>
            <a:chExt cx="1781741" cy="534368"/>
          </a:xfrm>
        </p:grpSpPr>
        <p:sp>
          <p:nvSpPr>
            <p:cNvPr id="5" name="TextBox 4">
              <a:extLst>
                <a:ext uri="{FF2B5EF4-FFF2-40B4-BE49-F238E27FC236}">
                  <a16:creationId xmlns:a16="http://schemas.microsoft.com/office/drawing/2014/main" id="{0F37B7DE-922A-4B18-BD76-CD0F344399D4}"/>
                </a:ext>
              </a:extLst>
            </p:cNvPr>
            <p:cNvSpPr txBox="1"/>
            <p:nvPr/>
          </p:nvSpPr>
          <p:spPr>
            <a:xfrm>
              <a:off x="10373197" y="5095925"/>
              <a:ext cx="1695081" cy="534368"/>
            </a:xfrm>
            <a:prstGeom prst="rect">
              <a:avLst/>
            </a:prstGeom>
            <a:noFill/>
          </p:spPr>
          <p:txBody>
            <a:bodyPr wrap="square" lIns="36000" tIns="36000" rIns="36000" bIns="36000" rtlCol="0">
              <a:spAutoFit/>
            </a:bodyPr>
            <a:lstStyle/>
            <a:p>
              <a:pPr algn="l"/>
              <a:r>
                <a:rPr lang="en-GB" sz="1000"/>
                <a:t>Frequent problem</a:t>
              </a:r>
            </a:p>
            <a:p>
              <a:pPr algn="l"/>
              <a:r>
                <a:rPr lang="en-GB" sz="1000"/>
                <a:t>Mentioned a couple of times</a:t>
              </a:r>
            </a:p>
            <a:p>
              <a:pPr algn="l"/>
              <a:r>
                <a:rPr lang="en-GB" sz="1000"/>
                <a:t>Mentioned once</a:t>
              </a:r>
            </a:p>
          </p:txBody>
        </p:sp>
        <p:sp>
          <p:nvSpPr>
            <p:cNvPr id="6" name="Flowchart: Connector 5">
              <a:extLst>
                <a:ext uri="{FF2B5EF4-FFF2-40B4-BE49-F238E27FC236}">
                  <a16:creationId xmlns:a16="http://schemas.microsoft.com/office/drawing/2014/main" id="{33157071-F35D-4D88-9FD4-829749A43E24}"/>
                </a:ext>
              </a:extLst>
            </p:cNvPr>
            <p:cNvSpPr>
              <a:spLocks noChangeAspect="1"/>
            </p:cNvSpPr>
            <p:nvPr/>
          </p:nvSpPr>
          <p:spPr>
            <a:xfrm>
              <a:off x="10286537" y="5181293"/>
              <a:ext cx="68079" cy="72000"/>
            </a:xfrm>
            <a:prstGeom prst="flowChartConnector">
              <a:avLst/>
            </a:prstGeom>
            <a:solidFill>
              <a:srgbClr val="FCA699"/>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GB" sz="2000" noProof="0" err="1"/>
            </a:p>
          </p:txBody>
        </p:sp>
        <p:sp>
          <p:nvSpPr>
            <p:cNvPr id="32" name="Flowchart: Connector 31">
              <a:extLst>
                <a:ext uri="{FF2B5EF4-FFF2-40B4-BE49-F238E27FC236}">
                  <a16:creationId xmlns:a16="http://schemas.microsoft.com/office/drawing/2014/main" id="{B28B79F4-7E8A-41C5-A7E3-425CDDD48E76}"/>
                </a:ext>
              </a:extLst>
            </p:cNvPr>
            <p:cNvSpPr>
              <a:spLocks noChangeAspect="1"/>
            </p:cNvSpPr>
            <p:nvPr/>
          </p:nvSpPr>
          <p:spPr>
            <a:xfrm>
              <a:off x="10286537" y="5336633"/>
              <a:ext cx="68079" cy="72000"/>
            </a:xfrm>
            <a:prstGeom prst="flowChartConnector">
              <a:avLst/>
            </a:prstGeom>
            <a:solidFill>
              <a:srgbClr val="FCC89A"/>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GB" sz="2000" noProof="0" err="1"/>
            </a:p>
          </p:txBody>
        </p:sp>
        <p:sp>
          <p:nvSpPr>
            <p:cNvPr id="37" name="Flowchart: Connector 36">
              <a:extLst>
                <a:ext uri="{FF2B5EF4-FFF2-40B4-BE49-F238E27FC236}">
                  <a16:creationId xmlns:a16="http://schemas.microsoft.com/office/drawing/2014/main" id="{E9B35548-7F67-4D05-8822-DF611C98269B}"/>
                </a:ext>
              </a:extLst>
            </p:cNvPr>
            <p:cNvSpPr>
              <a:spLocks noChangeAspect="1"/>
            </p:cNvSpPr>
            <p:nvPr/>
          </p:nvSpPr>
          <p:spPr>
            <a:xfrm>
              <a:off x="10286537" y="5485397"/>
              <a:ext cx="68079" cy="72000"/>
            </a:xfrm>
            <a:prstGeom prst="flowChartConnector">
              <a:avLst/>
            </a:prstGeom>
            <a:solidFill>
              <a:srgbClr val="77D3FF"/>
            </a:solidFill>
            <a:ln>
              <a:noFill/>
            </a:ln>
          </p:spPr>
          <p:style>
            <a:lnRef idx="2">
              <a:schemeClr val="accent1">
                <a:shade val="50000"/>
              </a:schemeClr>
            </a:lnRef>
            <a:fillRef idx="1">
              <a:schemeClr val="accent1"/>
            </a:fillRef>
            <a:effectRef idx="0">
              <a:schemeClr val="accent1"/>
            </a:effectRef>
            <a:fontRef idx="minor">
              <a:schemeClr val="lt1"/>
            </a:fontRef>
          </p:style>
          <p:txBody>
            <a:bodyPr lIns="237600" tIns="237600" rIns="237600" bIns="237600" rtlCol="0" anchor="ctr"/>
            <a:lstStyle/>
            <a:p>
              <a:pPr algn="ctr"/>
              <a:endParaRPr lang="en-GB" sz="2000" noProof="0" err="1"/>
            </a:p>
          </p:txBody>
        </p:sp>
      </p:grpSp>
    </p:spTree>
    <p:custDataLst>
      <p:tags r:id="rId1"/>
    </p:custDataLst>
    <p:extLst>
      <p:ext uri="{BB962C8B-B14F-4D97-AF65-F5344CB8AC3E}">
        <p14:creationId xmlns:p14="http://schemas.microsoft.com/office/powerpoint/2010/main" val="202567077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56FE112-B46A-4C3E-B9DB-7DA3952D7192}"/>
              </a:ext>
            </a:extLst>
          </p:cNvPr>
          <p:cNvSpPr>
            <a:spLocks noGrp="1"/>
          </p:cNvSpPr>
          <p:nvPr>
            <p:ph type="title"/>
          </p:nvPr>
        </p:nvSpPr>
        <p:spPr/>
        <p:txBody>
          <a:bodyPr/>
          <a:lstStyle/>
          <a:p>
            <a:r>
              <a:rPr lang="da-DK"/>
              <a:t>Innovation Tool – </a:t>
            </a:r>
            <a:r>
              <a:rPr lang="da-DK" err="1"/>
              <a:t>Fishbone</a:t>
            </a:r>
            <a:r>
              <a:rPr lang="da-DK"/>
              <a:t> Diagram</a:t>
            </a:r>
          </a:p>
        </p:txBody>
      </p:sp>
      <p:sp>
        <p:nvSpPr>
          <p:cNvPr id="3" name="Slide Number Placeholder 2">
            <a:extLst>
              <a:ext uri="{FF2B5EF4-FFF2-40B4-BE49-F238E27FC236}">
                <a16:creationId xmlns:a16="http://schemas.microsoft.com/office/drawing/2014/main" id="{3CE69D56-32BD-45EB-8333-16376EA317A1}"/>
              </a:ext>
            </a:extLst>
          </p:cNvPr>
          <p:cNvSpPr>
            <a:spLocks noGrp="1"/>
          </p:cNvSpPr>
          <p:nvPr>
            <p:ph type="sldNum" sz="quarter" idx="17"/>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A204BC-C5BA-4EF4-ABC8-D45123A0C528}" type="slidenum">
              <a:rPr kumimoji="0" lang="en-GB" sz="1000" b="0" i="0" u="none" strike="noStrike" kern="1200" cap="none" spc="0" normalizeH="0" baseline="0" noProof="0" smtClean="0">
                <a:ln>
                  <a:noFill/>
                </a:ln>
                <a:solidFill>
                  <a:prstClr val="white"/>
                </a:solidFill>
                <a:effectLst/>
                <a:uLnTx/>
                <a:uFillTx/>
                <a:latin typeface="Maersk Text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9</a:t>
            </a:fld>
            <a:endParaRPr kumimoji="0" lang="en-GB" sz="1000" b="0" i="0" u="none" strike="noStrike" kern="1200" cap="none" spc="0" normalizeH="0" baseline="0" noProof="0">
              <a:ln>
                <a:noFill/>
              </a:ln>
              <a:solidFill>
                <a:prstClr val="white"/>
              </a:solidFill>
              <a:effectLst/>
              <a:uLnTx/>
              <a:uFillTx/>
              <a:latin typeface="Maersk Text Office"/>
              <a:ea typeface="+mn-ea"/>
              <a:cs typeface="+mn-cs"/>
            </a:endParaRPr>
          </a:p>
        </p:txBody>
      </p:sp>
      <p:sp>
        <p:nvSpPr>
          <p:cNvPr id="4" name="Text Placeholder 3">
            <a:extLst>
              <a:ext uri="{FF2B5EF4-FFF2-40B4-BE49-F238E27FC236}">
                <a16:creationId xmlns:a16="http://schemas.microsoft.com/office/drawing/2014/main" id="{6018A5B0-AC41-4AA5-A40C-FBC6D2C55226}"/>
              </a:ext>
            </a:extLst>
          </p:cNvPr>
          <p:cNvSpPr>
            <a:spLocks noGrp="1"/>
          </p:cNvSpPr>
          <p:nvPr>
            <p:ph type="body" sz="quarter" idx="18"/>
          </p:nvPr>
        </p:nvSpPr>
        <p:spPr/>
        <p:txBody>
          <a:bodyPr/>
          <a:lstStyle/>
          <a:p>
            <a:endParaRPr lang="da-DK"/>
          </a:p>
        </p:txBody>
      </p:sp>
      <p:pic>
        <p:nvPicPr>
          <p:cNvPr id="5" name="Picture 4" descr="A picture containing logo&#10;&#10;Description automatically generated">
            <a:extLst>
              <a:ext uri="{FF2B5EF4-FFF2-40B4-BE49-F238E27FC236}">
                <a16:creationId xmlns:a16="http://schemas.microsoft.com/office/drawing/2014/main" id="{880103A6-E53C-4543-AACF-7447C58BE89B}"/>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109833" y="179654"/>
            <a:ext cx="896977" cy="896977"/>
          </a:xfrm>
          <a:prstGeom prst="rect">
            <a:avLst/>
          </a:prstGeom>
        </p:spPr>
      </p:pic>
    </p:spTree>
    <p:custDataLst>
      <p:tags r:id="rId1"/>
    </p:custDataLst>
    <p:extLst>
      <p:ext uri="{BB962C8B-B14F-4D97-AF65-F5344CB8AC3E}">
        <p14:creationId xmlns:p14="http://schemas.microsoft.com/office/powerpoint/2010/main" val="163923102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CONTAINEDIMAGEPATH" val="C:\Users\HMP019\AppData\Local\Temp\Templafy\PowerPointVsto\Assets\1117c1cb-677c-4fa3-979e-5bf7473088a2.jpeg"/>
  <p:tag name="TEMPLAFYSLIDEID" val="637254927108796363"/>
</p:tagLst>
</file>

<file path=ppt/tags/tag10.xml><?xml version="1.0" encoding="utf-8"?>
<p:tagLst xmlns:a="http://schemas.openxmlformats.org/drawingml/2006/main" xmlns:r="http://schemas.openxmlformats.org/officeDocument/2006/relationships" xmlns:p="http://schemas.openxmlformats.org/presentationml/2006/main">
  <p:tag name="TEMPLAFYSLIDEID" val="637092324281917043"/>
</p:tagLst>
</file>

<file path=ppt/tags/tag11.xml><?xml version="1.0" encoding="utf-8"?>
<p:tagLst xmlns:a="http://schemas.openxmlformats.org/drawingml/2006/main" xmlns:r="http://schemas.openxmlformats.org/officeDocument/2006/relationships" xmlns:p="http://schemas.openxmlformats.org/presentationml/2006/main">
  <p:tag name="TEMPLAFYSLIDEID" val="637092324281917043"/>
</p:tagLst>
</file>

<file path=ppt/tags/tag12.xml><?xml version="1.0" encoding="utf-8"?>
<p:tagLst xmlns:a="http://schemas.openxmlformats.org/drawingml/2006/main" xmlns:r="http://schemas.openxmlformats.org/officeDocument/2006/relationships" xmlns:p="http://schemas.openxmlformats.org/presentationml/2006/main">
  <p:tag name="TEMPLAFYSLIDEID" val="637092324281917043"/>
</p:tagLst>
</file>

<file path=ppt/tags/tag13.xml><?xml version="1.0" encoding="utf-8"?>
<p:tagLst xmlns:a="http://schemas.openxmlformats.org/drawingml/2006/main" xmlns:r="http://schemas.openxmlformats.org/officeDocument/2006/relationships" xmlns:p="http://schemas.openxmlformats.org/presentationml/2006/main">
  <p:tag name="TEMPLAFYSLIDEID" val="637092324281917043"/>
</p:tagLst>
</file>

<file path=ppt/tags/tag14.xml><?xml version="1.0" encoding="utf-8"?>
<p:tagLst xmlns:a="http://schemas.openxmlformats.org/drawingml/2006/main" xmlns:r="http://schemas.openxmlformats.org/officeDocument/2006/relationships" xmlns:p="http://schemas.openxmlformats.org/presentationml/2006/main">
  <p:tag name="TEMPLAFYSLIDEID" val="637092324281917043"/>
</p:tagLst>
</file>

<file path=ppt/tags/tag15.xml><?xml version="1.0" encoding="utf-8"?>
<p:tagLst xmlns:a="http://schemas.openxmlformats.org/drawingml/2006/main" xmlns:r="http://schemas.openxmlformats.org/officeDocument/2006/relationships" xmlns:p="http://schemas.openxmlformats.org/presentationml/2006/main">
  <p:tag name="TEMPLAFYSLIDEID" val="637254927108796364"/>
</p:tagLst>
</file>

<file path=ppt/tags/tag16.xml><?xml version="1.0" encoding="utf-8"?>
<p:tagLst xmlns:a="http://schemas.openxmlformats.org/drawingml/2006/main" xmlns:r="http://schemas.openxmlformats.org/officeDocument/2006/relationships" xmlns:p="http://schemas.openxmlformats.org/presentationml/2006/main">
  <p:tag name="TEMPLAFYSLIDEID" val="637092324281917043"/>
</p:tagLst>
</file>

<file path=ppt/tags/tag17.xml><?xml version="1.0" encoding="utf-8"?>
<p:tagLst xmlns:a="http://schemas.openxmlformats.org/drawingml/2006/main" xmlns:r="http://schemas.openxmlformats.org/officeDocument/2006/relationships" xmlns:p="http://schemas.openxmlformats.org/presentationml/2006/main">
  <p:tag name="TEMPLAFYSLIDEID" val="637092324281917043"/>
</p:tagLst>
</file>

<file path=ppt/tags/tag18.xml><?xml version="1.0" encoding="utf-8"?>
<p:tagLst xmlns:a="http://schemas.openxmlformats.org/drawingml/2006/main" xmlns:r="http://schemas.openxmlformats.org/officeDocument/2006/relationships" xmlns:p="http://schemas.openxmlformats.org/presentationml/2006/main">
  <p:tag name="TEMPLAFYSLIDEID" val="637254927108796364"/>
</p:tagLst>
</file>

<file path=ppt/tags/tag2.xml><?xml version="1.0" encoding="utf-8"?>
<p:tagLst xmlns:a="http://schemas.openxmlformats.org/drawingml/2006/main" xmlns:r="http://schemas.openxmlformats.org/officeDocument/2006/relationships" xmlns:p="http://schemas.openxmlformats.org/presentationml/2006/main">
  <p:tag name="TEMPLAFYSLIDEID" val="637254927108796364"/>
</p:tagLst>
</file>

<file path=ppt/tags/tag3.xml><?xml version="1.0" encoding="utf-8"?>
<p:tagLst xmlns:a="http://schemas.openxmlformats.org/drawingml/2006/main" xmlns:r="http://schemas.openxmlformats.org/officeDocument/2006/relationships" xmlns:p="http://schemas.openxmlformats.org/presentationml/2006/main">
  <p:tag name="TEMPLAFYSLIDEID" val="637254927108796366"/>
</p:tagLst>
</file>

<file path=ppt/tags/tag4.xml><?xml version="1.0" encoding="utf-8"?>
<p:tagLst xmlns:a="http://schemas.openxmlformats.org/drawingml/2006/main" xmlns:r="http://schemas.openxmlformats.org/officeDocument/2006/relationships" xmlns:p="http://schemas.openxmlformats.org/presentationml/2006/main">
  <p:tag name="TEMPLAFYSLIDEID" val="637092324281917043"/>
</p:tagLst>
</file>

<file path=ppt/tags/tag5.xml><?xml version="1.0" encoding="utf-8"?>
<p:tagLst xmlns:a="http://schemas.openxmlformats.org/drawingml/2006/main" xmlns:r="http://schemas.openxmlformats.org/officeDocument/2006/relationships" xmlns:p="http://schemas.openxmlformats.org/presentationml/2006/main">
  <p:tag name="TEMPLAFYSLIDEID" val="637254927108796367"/>
</p:tagLst>
</file>

<file path=ppt/tags/tag6.xml><?xml version="1.0" encoding="utf-8"?>
<p:tagLst xmlns:a="http://schemas.openxmlformats.org/drawingml/2006/main" xmlns:r="http://schemas.openxmlformats.org/officeDocument/2006/relationships" xmlns:p="http://schemas.openxmlformats.org/presentationml/2006/main">
  <p:tag name="TEMPLAFYSLIDEID" val="637254927109577686"/>
</p:tagLst>
</file>

<file path=ppt/tags/tag7.xml><?xml version="1.0" encoding="utf-8"?>
<p:tagLst xmlns:a="http://schemas.openxmlformats.org/drawingml/2006/main" xmlns:r="http://schemas.openxmlformats.org/officeDocument/2006/relationships" xmlns:p="http://schemas.openxmlformats.org/presentationml/2006/main">
  <p:tag name="TEMPLAFYSLIDEID" val="637092324281917043"/>
</p:tagLst>
</file>

<file path=ppt/tags/tag8.xml><?xml version="1.0" encoding="utf-8"?>
<p:tagLst xmlns:a="http://schemas.openxmlformats.org/drawingml/2006/main" xmlns:r="http://schemas.openxmlformats.org/officeDocument/2006/relationships" xmlns:p="http://schemas.openxmlformats.org/presentationml/2006/main">
  <p:tag name="TEMPLAFYSLIDEID" val="637254927108796364"/>
</p:tagLst>
</file>

<file path=ppt/tags/tag9.xml><?xml version="1.0" encoding="utf-8"?>
<p:tagLst xmlns:a="http://schemas.openxmlformats.org/drawingml/2006/main" xmlns:r="http://schemas.openxmlformats.org/officeDocument/2006/relationships" xmlns:p="http://schemas.openxmlformats.org/presentationml/2006/main">
  <p:tag name="TEMPLAFYSLIDEID" val="637092324281917043"/>
</p:tagLst>
</file>

<file path=ppt/theme/theme1.xml><?xml version="1.0" encoding="utf-8"?>
<a:theme xmlns:a="http://schemas.openxmlformats.org/drawingml/2006/main" name="Mærsk Supply Service">
  <a:themeElements>
    <a:clrScheme name="Maersk Re-branding 2019">
      <a:dk1>
        <a:sysClr val="windowText" lastClr="000000"/>
      </a:dk1>
      <a:lt1>
        <a:sysClr val="window" lastClr="FFFFFF"/>
      </a:lt1>
      <a:dk2>
        <a:srgbClr val="545454"/>
      </a:dk2>
      <a:lt2>
        <a:srgbClr val="00243D"/>
      </a:lt2>
      <a:accent1>
        <a:srgbClr val="0073AB"/>
      </a:accent1>
      <a:accent2>
        <a:srgbClr val="42B0D5"/>
      </a:accent2>
      <a:accent3>
        <a:srgbClr val="B5E0F5"/>
      </a:accent3>
      <a:accent4>
        <a:srgbClr val="004D40"/>
      </a:accent4>
      <a:accent5>
        <a:srgbClr val="F07508"/>
      </a:accent5>
      <a:accent6>
        <a:srgbClr val="FA6A55"/>
      </a:accent6>
      <a:hlink>
        <a:srgbClr val="0073AB"/>
      </a:hlink>
      <a:folHlink>
        <a:srgbClr val="0073AB"/>
      </a:folHlink>
    </a:clrScheme>
    <a:fontScheme name="Maersk">
      <a:majorFont>
        <a:latin typeface="Maersk Headline Office Light"/>
        <a:ea typeface=""/>
        <a:cs typeface=""/>
      </a:majorFont>
      <a:minorFont>
        <a:latin typeface="Maersk Text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237600" tIns="237600" rIns="237600" bIns="2376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237600" tIns="237600" rIns="237600" bIns="237600" rtlCol="0">
        <a:spAutoFit/>
      </a:bodyPr>
      <a:lstStyle>
        <a:defPPr algn="l">
          <a:defRPr sz="1600" dirty="0" err="1" smtClean="0"/>
        </a:defPPr>
      </a:lstStyle>
    </a:txDef>
  </a:objectDefaults>
  <a:extraClrSchemeLst/>
  <a:extLst>
    <a:ext uri="{05A4C25C-085E-4340-85A3-A5531E510DB2}">
      <thm15:themeFamily xmlns:thm15="http://schemas.microsoft.com/office/thememl/2012/main" name="Decom Template October 2019.potx" id="{8BCAE8DC-6780-4D19-8D5C-EAF7B2A2B347}" vid="{0286A3AC-D422-4D69-BF30-4DA65A13C63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kument" ma:contentTypeID="0x010100316F32690D829547BE180B3311240308" ma:contentTypeVersion="9" ma:contentTypeDescription="Opret et nyt dokument." ma:contentTypeScope="" ma:versionID="dc7da3e4faf19a1bf53a429d71747cb3">
  <xsd:schema xmlns:xsd="http://www.w3.org/2001/XMLSchema" xmlns:xs="http://www.w3.org/2001/XMLSchema" xmlns:p="http://schemas.microsoft.com/office/2006/metadata/properties" xmlns:ns2="b9f91bf1-34f3-4e8d-bcd6-8d11ccb80390" targetNamespace="http://schemas.microsoft.com/office/2006/metadata/properties" ma:root="true" ma:fieldsID="b78f8b97afd9c5aa4602db2ce6fe94e7" ns2:_="">
    <xsd:import namespace="b9f91bf1-34f3-4e8d-bcd6-8d11ccb80390"/>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Tags" minOccurs="0"/>
                <xsd:element ref="ns2:MediaServiceOCR" minOccurs="0"/>
                <xsd:element ref="ns2:MediaServiceGenerationTime" minOccurs="0"/>
                <xsd:element ref="ns2:MediaServiceEventHashCode" minOccurs="0"/>
                <xsd:element ref="ns2:MediaServiceAutoKeyPoints" minOccurs="0"/>
                <xsd:element ref="ns2: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b9f91bf1-34f3-4e8d-bcd6-8d11ccb80390"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Tags" ma:internalName="MediaServiceAutoTags" ma:readOnly="true">
      <xsd:simpleType>
        <xsd:restriction base="dms:Text"/>
      </xsd:simpleType>
    </xsd:element>
    <xsd:element name="MediaServiceOCR" ma:index="12" nillable="true" ma:displayName="Extracted Text" ma:internalName="MediaServiceOCR" ma:readOnly="true">
      <xsd:simpleType>
        <xsd:restriction base="dms:Note">
          <xsd:maxLength value="255"/>
        </xsd:restriction>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AutoKeyPoints" ma:index="15" nillable="true" ma:displayName="MediaServiceAutoKeyPoints" ma:hidden="true" ma:internalName="MediaServiceAutoKeyPoints" ma:readOnly="true">
      <xsd:simpleType>
        <xsd:restriction base="dms:Note"/>
      </xsd:simpleType>
    </xsd:element>
    <xsd:element name="MediaServiceKeyPoints" ma:index="16" nillable="true" ma:displayName="KeyPoints" ma:internalName="MediaServiceKeyPoint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D6C86C81-6B5B-4EA1-B96F-4AD5937E611E}">
  <ds:schemaRefs>
    <ds:schemaRef ds:uri="http://schemas.microsoft.com/sharepoint/v3/contenttype/forms"/>
  </ds:schemaRefs>
</ds:datastoreItem>
</file>

<file path=customXml/itemProps2.xml><?xml version="1.0" encoding="utf-8"?>
<ds:datastoreItem xmlns:ds="http://schemas.openxmlformats.org/officeDocument/2006/customXml" ds:itemID="{F7724B30-757B-4B57-9F8E-EDEDD5639E66}">
  <ds:schemaRefs>
    <ds:schemaRef ds:uri="b9f91bf1-34f3-4e8d-bcd6-8d11ccb80390"/>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3.xml><?xml version="1.0" encoding="utf-8"?>
<ds:datastoreItem xmlns:ds="http://schemas.openxmlformats.org/officeDocument/2006/customXml" ds:itemID="{2753603B-B094-40EE-8DEF-C61182B371A6}">
  <ds:schemaRefs>
    <ds:schemaRef ds:uri="b9f91bf1-34f3-4e8d-bcd6-8d11ccb80390"/>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emplate>office theme</Template>
  <Application>Microsoft Office PowerPoint</Application>
  <PresentationFormat>Widescreen</PresentationFormat>
  <Slides>20</Slides>
  <Notes>9</Notes>
  <HiddenSlides>1</HiddenSlides>
  <ScaleCrop>false</ScaleCrop>
  <HeadingPairs>
    <vt:vector size="4" baseType="variant">
      <vt:variant>
        <vt:lpstr>Theme</vt:lpstr>
      </vt:variant>
      <vt:variant>
        <vt:i4>1</vt:i4>
      </vt:variant>
      <vt:variant>
        <vt:lpstr>Slide Titles</vt:lpstr>
      </vt:variant>
      <vt:variant>
        <vt:i4>20</vt:i4>
      </vt:variant>
    </vt:vector>
  </HeadingPairs>
  <TitlesOfParts>
    <vt:vector size="21" baseType="lpstr">
      <vt:lpstr>Mærsk Supply Service</vt:lpstr>
      <vt:lpstr>The task is to make a presentation (15 min), in which students are required to demonstrate the following:</vt:lpstr>
      <vt:lpstr>Maersk Decom</vt:lpstr>
      <vt:lpstr>Who are Maersk Decom</vt:lpstr>
      <vt:lpstr>History: Creating a joint venture</vt:lpstr>
      <vt:lpstr>Maerks Decom's mission</vt:lpstr>
      <vt:lpstr>Vision: </vt:lpstr>
      <vt:lpstr>PowerPoint Presentation</vt:lpstr>
      <vt:lpstr>Interviewees</vt:lpstr>
      <vt:lpstr>Innovation Tool – Fishbone Diagram</vt:lpstr>
      <vt:lpstr>Friendly Reminder of the Fishbone diagram</vt:lpstr>
      <vt:lpstr>Fishbone diagram and Maersk Decom Tender Process for reply to customer</vt:lpstr>
      <vt:lpstr>Fishbone diagram - People</vt:lpstr>
      <vt:lpstr>Fishbone diagram - Tools</vt:lpstr>
      <vt:lpstr>Fishbone diagram - Governance</vt:lpstr>
      <vt:lpstr>Fishbone diagram – Financial Resources</vt:lpstr>
      <vt:lpstr>Theoretical aspects</vt:lpstr>
      <vt:lpstr>Relevancy</vt:lpstr>
      <vt:lpstr>PowerPoint Presentation</vt:lpstr>
      <vt:lpstr>Reflection</vt:lpstr>
      <vt:lpstr>Questions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revision>1</cp:revision>
  <dcterms:created xsi:type="dcterms:W3CDTF">2020-11-11T08:04:27Z</dcterms:created>
  <dcterms:modified xsi:type="dcterms:W3CDTF">2020-12-07T23:48:3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316F32690D829547BE180B3311240308</vt:lpwstr>
  </property>
</Properties>
</file>